
<file path=[Content_Types].xml><?xml version="1.0" encoding="utf-8"?>
<Types xmlns="http://schemas.openxmlformats.org/package/2006/content-types">
  <Default Extension="bin" ContentType="image/jpeg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>
  <p:sldMasterIdLst>
    <p:sldMasterId id="2147483648" r:id="rId14"/>
  </p:sldMasterIdLst>
  <p:notesMasterIdLst>
    <p:notesMasterId r:id="rId42"/>
  </p:notesMasterIdLst>
  <p:sldIdLst>
    <p:sldId id="354" r:id="rId15"/>
    <p:sldId id="506" r:id="rId16"/>
    <p:sldId id="507" r:id="rId17"/>
    <p:sldId id="569" r:id="rId18"/>
    <p:sldId id="508" r:id="rId19"/>
    <p:sldId id="509" r:id="rId20"/>
    <p:sldId id="511" r:id="rId21"/>
    <p:sldId id="512" r:id="rId22"/>
    <p:sldId id="510" r:id="rId23"/>
    <p:sldId id="514" r:id="rId24"/>
    <p:sldId id="515" r:id="rId25"/>
    <p:sldId id="516" r:id="rId26"/>
    <p:sldId id="517" r:id="rId27"/>
    <p:sldId id="570" r:id="rId28"/>
    <p:sldId id="571" r:id="rId29"/>
    <p:sldId id="520" r:id="rId30"/>
    <p:sldId id="521" r:id="rId31"/>
    <p:sldId id="522" r:id="rId32"/>
    <p:sldId id="523" r:id="rId33"/>
    <p:sldId id="525" r:id="rId34"/>
    <p:sldId id="526" r:id="rId35"/>
    <p:sldId id="528" r:id="rId36"/>
    <p:sldId id="527" r:id="rId37"/>
    <p:sldId id="529" r:id="rId38"/>
    <p:sldId id="530" r:id="rId39"/>
    <p:sldId id="355" r:id="rId40"/>
    <p:sldId id="291" r:id="rId4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FABD0985-D2DF-4CCA-BDF8-2ED0C538A4A6}">
          <p14:sldIdLst>
            <p14:sldId id="354"/>
            <p14:sldId id="506"/>
            <p14:sldId id="507"/>
            <p14:sldId id="569"/>
            <p14:sldId id="508"/>
            <p14:sldId id="509"/>
            <p14:sldId id="511"/>
            <p14:sldId id="512"/>
            <p14:sldId id="510"/>
            <p14:sldId id="514"/>
            <p14:sldId id="515"/>
            <p14:sldId id="516"/>
            <p14:sldId id="517"/>
            <p14:sldId id="570"/>
            <p14:sldId id="571"/>
            <p14:sldId id="520"/>
            <p14:sldId id="521"/>
            <p14:sldId id="522"/>
            <p14:sldId id="523"/>
            <p14:sldId id="525"/>
            <p14:sldId id="526"/>
            <p14:sldId id="528"/>
            <p14:sldId id="527"/>
            <p14:sldId id="529"/>
            <p14:sldId id="530"/>
          </p14:sldIdLst>
        </p14:section>
        <p14:section name="Annex" id="{1192D031-EC8D-411D-A8BE-FEBA505ABA51}">
          <p14:sldIdLst>
            <p14:sldId id="355"/>
            <p14:sldId id="291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0817EA92-75D0-4044-A80A-286907CE0DDB}" styleName="Custom Table Style">
    <a:wholeTbl>
      <a:tcTxStyle>
        <a:fontRef idx="minor">
          <a:prstClr val="black"/>
        </a:fontRef>
        <a:schemeClr val="dk1"/>
      </a:tcTxStyle>
      <a:tcStyle>
        <a:tcBdr>
          <a:left>
            <a:ln w="0" cmpd="sng">
              <a:solidFill>
                <a:schemeClr val="bg1"/>
              </a:solidFill>
            </a:ln>
          </a:left>
          <a:right>
            <a:ln w="0" cmpd="sng">
              <a:solidFill>
                <a:schemeClr val="bg1"/>
              </a:solidFill>
            </a:ln>
          </a:right>
          <a:top>
            <a:ln w="28575" cmpd="sng">
              <a:solidFill>
                <a:schemeClr val="dk1"/>
              </a:solidFill>
            </a:ln>
          </a:top>
          <a:bottom>
            <a:ln w="0" cmpd="sng">
              <a:solidFill>
                <a:schemeClr val="bg1"/>
              </a:solidFill>
            </a:ln>
          </a:bottom>
          <a:insideH>
            <a:ln w="0" cmpd="sng">
              <a:solidFill>
                <a:schemeClr val="bg1"/>
              </a:solidFill>
            </a:ln>
          </a:insideH>
          <a:insideV>
            <a:ln w="0" cmpd="sng">
              <a:solidFill>
                <a:schemeClr val="bg1"/>
              </a:solidFill>
            </a:ln>
          </a:insideV>
        </a:tcBdr>
        <a:fill>
          <a:solidFill>
            <a:srgbClr val="FFFFFF"/>
          </a:solidFill>
        </a:fill>
      </a:tcStyle>
    </a:wholeTbl>
    <a:band1H>
      <a:tcStyle>
        <a:tcBdr/>
        <a:fill>
          <a:solidFill>
            <a:schemeClr val="accent6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FFFFFF"/>
          </a:solidFill>
        </a:fill>
      </a:tcStyle>
    </a:band1V>
    <a:band2V>
      <a:tcStyle>
        <a:tcBdr/>
      </a:tcStyle>
    </a:band2V>
    <a:la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lastCol>
    <a:fir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firstCol>
    <a:lastRow>
      <a:tcTxStyle>
        <a:fontRef idx="minor">
          <a:prstClr val="black"/>
        </a:fontRef>
        <a:schemeClr val="dk1"/>
      </a:tcTxStyle>
      <a:tcStyle>
        <a:tcBdr>
          <a:top>
            <a:ln w="0" cmpd="sng">
              <a:solidFill>
                <a:schemeClr val="lt1"/>
              </a:solidFill>
            </a:ln>
          </a:top>
        </a:tcBdr>
        <a:fill>
          <a:solidFill>
            <a:srgbClr val="FFFFFF"/>
          </a:solidFill>
        </a:fill>
      </a:tcStyle>
    </a:lastRow>
    <a:firstRow>
      <a:tcTxStyle>
        <a:fontRef idx="minor">
          <a:prstClr val="black"/>
        </a:fontRef>
        <a:schemeClr val="dk1"/>
      </a:tcTxStyle>
      <a:tcStyle>
        <a:tcBdr>
          <a:bottom>
            <a:ln w="0" cmpd="sng">
              <a:solidFill>
                <a:schemeClr val="lt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7989" autoAdjust="0"/>
    <p:restoredTop sz="93269" autoAdjust="0"/>
  </p:normalViewPr>
  <p:slideViewPr>
    <p:cSldViewPr snapToGrid="0" showGuides="1">
      <p:cViewPr varScale="1">
        <p:scale>
          <a:sx n="65" d="100"/>
          <a:sy n="65" d="100"/>
        </p:scale>
        <p:origin x="56" y="11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9" Type="http://schemas.openxmlformats.org/officeDocument/2006/relationships/slide" Target="slides/slide25.xml"/><Relationship Id="rId3" Type="http://schemas.openxmlformats.org/officeDocument/2006/relationships/customXml" Target="../customXml/item3.xml"/><Relationship Id="rId21" Type="http://schemas.openxmlformats.org/officeDocument/2006/relationships/slide" Target="slides/slide7.xml"/><Relationship Id="rId34" Type="http://schemas.openxmlformats.org/officeDocument/2006/relationships/slide" Target="slides/slide20.xml"/><Relationship Id="rId42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slide" Target="slides/slide19.xml"/><Relationship Id="rId38" Type="http://schemas.openxmlformats.org/officeDocument/2006/relationships/slide" Target="slides/slide24.xml"/><Relationship Id="rId46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slide" Target="slides/slide6.xml"/><Relationship Id="rId29" Type="http://schemas.openxmlformats.org/officeDocument/2006/relationships/slide" Target="slides/slide15.xml"/><Relationship Id="rId41" Type="http://schemas.openxmlformats.org/officeDocument/2006/relationships/slide" Target="slides/slide27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slide" Target="slides/slide18.xml"/><Relationship Id="rId37" Type="http://schemas.openxmlformats.org/officeDocument/2006/relationships/slide" Target="slides/slide23.xml"/><Relationship Id="rId40" Type="http://schemas.openxmlformats.org/officeDocument/2006/relationships/slide" Target="slides/slide26.xml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slide" Target="slides/slide14.xml"/><Relationship Id="rId36" Type="http://schemas.openxmlformats.org/officeDocument/2006/relationships/slide" Target="slides/slide22.xml"/><Relationship Id="rId10" Type="http://schemas.openxmlformats.org/officeDocument/2006/relationships/customXml" Target="../customXml/item10.xml"/><Relationship Id="rId19" Type="http://schemas.openxmlformats.org/officeDocument/2006/relationships/slide" Target="slides/slide5.xml"/><Relationship Id="rId31" Type="http://schemas.openxmlformats.org/officeDocument/2006/relationships/slide" Target="slides/slide17.xml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slide" Target="slides/slide16.xml"/><Relationship Id="rId35" Type="http://schemas.openxmlformats.org/officeDocument/2006/relationships/slide" Target="slides/slide21.xml"/><Relationship Id="rId43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8A3C172-8945-4189-AABF-306FFB3D052F}" type="datetimeFigureOut">
              <a:rPr lang="en-US" smtClean="0"/>
              <a:t>6/16/2021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BC6894C-2343-459D-88D7-5041FE4A84B3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976209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svg"/><Relationship Id="rId7" Type="http://schemas.openxmlformats.org/officeDocument/2006/relationships/image" Target="../media/image8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11" Type="http://schemas.openxmlformats.org/officeDocument/2006/relationships/image" Target="../media/image12.svg"/><Relationship Id="rId5" Type="http://schemas.openxmlformats.org/officeDocument/2006/relationships/image" Target="../media/image6.svg"/><Relationship Id="rId10" Type="http://schemas.openxmlformats.org/officeDocument/2006/relationships/image" Target="../media/image11.png"/><Relationship Id="rId4" Type="http://schemas.openxmlformats.org/officeDocument/2006/relationships/image" Target="../media/image5.png"/><Relationship Id="rId9" Type="http://schemas.openxmlformats.org/officeDocument/2006/relationships/image" Target="../media/image10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2.svg"/><Relationship Id="rId7" Type="http://schemas.openxmlformats.org/officeDocument/2006/relationships/image" Target="../media/image8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11" Type="http://schemas.openxmlformats.org/officeDocument/2006/relationships/image" Target="../media/image12.svg"/><Relationship Id="rId5" Type="http://schemas.openxmlformats.org/officeDocument/2006/relationships/image" Target="../media/image6.svg"/><Relationship Id="rId10" Type="http://schemas.openxmlformats.org/officeDocument/2006/relationships/image" Target="../media/image11.png"/><Relationship Id="rId4" Type="http://schemas.openxmlformats.org/officeDocument/2006/relationships/image" Target="../media/image5.png"/><Relationship Id="rId9" Type="http://schemas.openxmlformats.org/officeDocument/2006/relationships/image" Target="../media/image10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image" Target="../media/image14.png"/><Relationship Id="rId7" Type="http://schemas.openxmlformats.org/officeDocument/2006/relationships/image" Target="../media/image18.png"/><Relationship Id="rId12" Type="http://schemas.openxmlformats.org/officeDocument/2006/relationships/image" Target="../media/image23.pn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7.png"/><Relationship Id="rId11" Type="http://schemas.openxmlformats.org/officeDocument/2006/relationships/image" Target="../media/image22.png"/><Relationship Id="rId5" Type="http://schemas.openxmlformats.org/officeDocument/2006/relationships/image" Target="../media/image16.png"/><Relationship Id="rId10" Type="http://schemas.openxmlformats.org/officeDocument/2006/relationships/image" Target="../media/image21.png"/><Relationship Id="rId4" Type="http://schemas.openxmlformats.org/officeDocument/2006/relationships/image" Target="../media/image15.png"/><Relationship Id="rId9" Type="http://schemas.openxmlformats.org/officeDocument/2006/relationships/image" Target="../media/image20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01_Cover Slide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ED264CAE-BD05-44F6-9744-36750CF644FA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" y="2"/>
            <a:ext cx="12191997" cy="2703599"/>
          </a:xfrm>
          <a:custGeom>
            <a:avLst/>
            <a:gdLst>
              <a:gd name="connsiteX0" fmla="*/ 11901903 w 12191997"/>
              <a:gd name="connsiteY0" fmla="*/ 528222 h 2703599"/>
              <a:gd name="connsiteX1" fmla="*/ 11788419 w 12191997"/>
              <a:gd name="connsiteY1" fmla="*/ 528562 h 2703599"/>
              <a:gd name="connsiteX2" fmla="*/ 11788419 w 12191997"/>
              <a:gd name="connsiteY2" fmla="*/ 690067 h 2703599"/>
              <a:gd name="connsiteX3" fmla="*/ 11808352 w 12191997"/>
              <a:gd name="connsiteY3" fmla="*/ 690067 h 2703599"/>
              <a:gd name="connsiteX4" fmla="*/ 11916615 w 12191997"/>
              <a:gd name="connsiteY4" fmla="*/ 591757 h 2703599"/>
              <a:gd name="connsiteX5" fmla="*/ 11916627 w 12191997"/>
              <a:gd name="connsiteY5" fmla="*/ 582133 h 2703599"/>
              <a:gd name="connsiteX6" fmla="*/ 11901903 w 12191997"/>
              <a:gd name="connsiteY6" fmla="*/ 528222 h 2703599"/>
              <a:gd name="connsiteX7" fmla="*/ 11680484 w 12191997"/>
              <a:gd name="connsiteY7" fmla="*/ 528222 h 2703599"/>
              <a:gd name="connsiteX8" fmla="*/ 11680484 w 12191997"/>
              <a:gd name="connsiteY8" fmla="*/ 690067 h 2703599"/>
              <a:gd name="connsiteX9" fmla="*/ 11778340 w 12191997"/>
              <a:gd name="connsiteY9" fmla="*/ 690067 h 2703599"/>
              <a:gd name="connsiteX10" fmla="*/ 11778340 w 12191997"/>
              <a:gd name="connsiteY10" fmla="*/ 528222 h 2703599"/>
              <a:gd name="connsiteX11" fmla="*/ 11625328 w 12191997"/>
              <a:gd name="connsiteY11" fmla="*/ 528222 h 2703599"/>
              <a:gd name="connsiteX12" fmla="*/ 11511957 w 12191997"/>
              <a:gd name="connsiteY12" fmla="*/ 528562 h 2703599"/>
              <a:gd name="connsiteX13" fmla="*/ 11511957 w 12191997"/>
              <a:gd name="connsiteY13" fmla="*/ 690067 h 2703599"/>
              <a:gd name="connsiteX14" fmla="*/ 11531777 w 12191997"/>
              <a:gd name="connsiteY14" fmla="*/ 690067 h 2703599"/>
              <a:gd name="connsiteX15" fmla="*/ 11640040 w 12191997"/>
              <a:gd name="connsiteY15" fmla="*/ 591757 h 2703599"/>
              <a:gd name="connsiteX16" fmla="*/ 11640052 w 12191997"/>
              <a:gd name="connsiteY16" fmla="*/ 582133 h 2703599"/>
              <a:gd name="connsiteX17" fmla="*/ 11625328 w 12191997"/>
              <a:gd name="connsiteY17" fmla="*/ 528222 h 2703599"/>
              <a:gd name="connsiteX18" fmla="*/ 11404023 w 12191997"/>
              <a:gd name="connsiteY18" fmla="*/ 528222 h 2703599"/>
              <a:gd name="connsiteX19" fmla="*/ 11404023 w 12191997"/>
              <a:gd name="connsiteY19" fmla="*/ 690067 h 2703599"/>
              <a:gd name="connsiteX20" fmla="*/ 11501878 w 12191997"/>
              <a:gd name="connsiteY20" fmla="*/ 690067 h 2703599"/>
              <a:gd name="connsiteX21" fmla="*/ 11501878 w 12191997"/>
              <a:gd name="connsiteY21" fmla="*/ 528222 h 2703599"/>
              <a:gd name="connsiteX22" fmla="*/ 11215109 w 12191997"/>
              <a:gd name="connsiteY22" fmla="*/ 528222 h 2703599"/>
              <a:gd name="connsiteX23" fmla="*/ 11215109 w 12191997"/>
              <a:gd name="connsiteY23" fmla="*/ 622565 h 2703599"/>
              <a:gd name="connsiteX24" fmla="*/ 11269133 w 12191997"/>
              <a:gd name="connsiteY24" fmla="*/ 622565 h 2703599"/>
              <a:gd name="connsiteX25" fmla="*/ 11292690 w 12191997"/>
              <a:gd name="connsiteY25" fmla="*/ 690067 h 2703599"/>
              <a:gd name="connsiteX26" fmla="*/ 11376954 w 12191997"/>
              <a:gd name="connsiteY26" fmla="*/ 690067 h 2703599"/>
              <a:gd name="connsiteX27" fmla="*/ 11319759 w 12191997"/>
              <a:gd name="connsiteY27" fmla="*/ 528222 h 2703599"/>
              <a:gd name="connsiteX28" fmla="*/ 11100379 w 12191997"/>
              <a:gd name="connsiteY28" fmla="*/ 528222 h 2703599"/>
              <a:gd name="connsiteX29" fmla="*/ 11043071 w 12191997"/>
              <a:gd name="connsiteY29" fmla="*/ 690067 h 2703599"/>
              <a:gd name="connsiteX30" fmla="*/ 11127448 w 12191997"/>
              <a:gd name="connsiteY30" fmla="*/ 690067 h 2703599"/>
              <a:gd name="connsiteX31" fmla="*/ 11151005 w 12191997"/>
              <a:gd name="connsiteY31" fmla="*/ 622565 h 2703599"/>
              <a:gd name="connsiteX32" fmla="*/ 11205029 w 12191997"/>
              <a:gd name="connsiteY32" fmla="*/ 622565 h 2703599"/>
              <a:gd name="connsiteX33" fmla="*/ 11205029 w 12191997"/>
              <a:gd name="connsiteY33" fmla="*/ 528222 h 2703599"/>
              <a:gd name="connsiteX34" fmla="*/ 9340585 w 12191997"/>
              <a:gd name="connsiteY34" fmla="*/ 417457 h 2703599"/>
              <a:gd name="connsiteX35" fmla="*/ 9399592 w 12191997"/>
              <a:gd name="connsiteY35" fmla="*/ 562539 h 2703599"/>
              <a:gd name="connsiteX36" fmla="*/ 9281465 w 12191997"/>
              <a:gd name="connsiteY36" fmla="*/ 562539 h 2703599"/>
              <a:gd name="connsiteX37" fmla="*/ 9340585 w 12191997"/>
              <a:gd name="connsiteY37" fmla="*/ 417683 h 2703599"/>
              <a:gd name="connsiteX38" fmla="*/ 9932921 w 12191997"/>
              <a:gd name="connsiteY38" fmla="*/ 362639 h 2703599"/>
              <a:gd name="connsiteX39" fmla="*/ 9932921 w 12191997"/>
              <a:gd name="connsiteY39" fmla="*/ 683612 h 2703599"/>
              <a:gd name="connsiteX40" fmla="*/ 10018883 w 12191997"/>
              <a:gd name="connsiteY40" fmla="*/ 683612 h 2703599"/>
              <a:gd name="connsiteX41" fmla="*/ 10018883 w 12191997"/>
              <a:gd name="connsiteY41" fmla="*/ 542606 h 2703599"/>
              <a:gd name="connsiteX42" fmla="*/ 10190808 w 12191997"/>
              <a:gd name="connsiteY42" fmla="*/ 542606 h 2703599"/>
              <a:gd name="connsiteX43" fmla="*/ 10190808 w 12191997"/>
              <a:gd name="connsiteY43" fmla="*/ 683612 h 2703599"/>
              <a:gd name="connsiteX44" fmla="*/ 10275525 w 12191997"/>
              <a:gd name="connsiteY44" fmla="*/ 683612 h 2703599"/>
              <a:gd name="connsiteX45" fmla="*/ 10275525 w 12191997"/>
              <a:gd name="connsiteY45" fmla="*/ 362639 h 2703599"/>
              <a:gd name="connsiteX46" fmla="*/ 10190808 w 12191997"/>
              <a:gd name="connsiteY46" fmla="*/ 362639 h 2703599"/>
              <a:gd name="connsiteX47" fmla="*/ 10190808 w 12191997"/>
              <a:gd name="connsiteY47" fmla="*/ 491527 h 2703599"/>
              <a:gd name="connsiteX48" fmla="*/ 10018883 w 12191997"/>
              <a:gd name="connsiteY48" fmla="*/ 491527 h 2703599"/>
              <a:gd name="connsiteX49" fmla="*/ 10018883 w 12191997"/>
              <a:gd name="connsiteY49" fmla="*/ 362639 h 2703599"/>
              <a:gd name="connsiteX50" fmla="*/ 9288147 w 12191997"/>
              <a:gd name="connsiteY50" fmla="*/ 362639 h 2703599"/>
              <a:gd name="connsiteX51" fmla="*/ 9137741 w 12191997"/>
              <a:gd name="connsiteY51" fmla="*/ 683612 h 2703599"/>
              <a:gd name="connsiteX52" fmla="*/ 9233104 w 12191997"/>
              <a:gd name="connsiteY52" fmla="*/ 683612 h 2703599"/>
              <a:gd name="connsiteX53" fmla="*/ 9259946 w 12191997"/>
              <a:gd name="connsiteY53" fmla="*/ 615657 h 2703599"/>
              <a:gd name="connsiteX54" fmla="*/ 9419752 w 12191997"/>
              <a:gd name="connsiteY54" fmla="*/ 615657 h 2703599"/>
              <a:gd name="connsiteX55" fmla="*/ 9447953 w 12191997"/>
              <a:gd name="connsiteY55" fmla="*/ 683612 h 2703599"/>
              <a:gd name="connsiteX56" fmla="*/ 9542070 w 12191997"/>
              <a:gd name="connsiteY56" fmla="*/ 683612 h 2703599"/>
              <a:gd name="connsiteX57" fmla="*/ 9391551 w 12191997"/>
              <a:gd name="connsiteY57" fmla="*/ 362639 h 2703599"/>
              <a:gd name="connsiteX58" fmla="*/ 8866376 w 12191997"/>
              <a:gd name="connsiteY58" fmla="*/ 362639 h 2703599"/>
              <a:gd name="connsiteX59" fmla="*/ 8866376 w 12191997"/>
              <a:gd name="connsiteY59" fmla="*/ 417683 h 2703599"/>
              <a:gd name="connsiteX60" fmla="*/ 8996396 w 12191997"/>
              <a:gd name="connsiteY60" fmla="*/ 417683 h 2703599"/>
              <a:gd name="connsiteX61" fmla="*/ 8996396 w 12191997"/>
              <a:gd name="connsiteY61" fmla="*/ 683612 h 2703599"/>
              <a:gd name="connsiteX62" fmla="*/ 9081225 w 12191997"/>
              <a:gd name="connsiteY62" fmla="*/ 683612 h 2703599"/>
              <a:gd name="connsiteX63" fmla="*/ 9081225 w 12191997"/>
              <a:gd name="connsiteY63" fmla="*/ 417683 h 2703599"/>
              <a:gd name="connsiteX64" fmla="*/ 9211585 w 12191997"/>
              <a:gd name="connsiteY64" fmla="*/ 417683 h 2703599"/>
              <a:gd name="connsiteX65" fmla="*/ 9211585 w 12191997"/>
              <a:gd name="connsiteY65" fmla="*/ 362639 h 2703599"/>
              <a:gd name="connsiteX66" fmla="*/ 10342687 w 12191997"/>
              <a:gd name="connsiteY66" fmla="*/ 362526 h 2703599"/>
              <a:gd name="connsiteX67" fmla="*/ 10342687 w 12191997"/>
              <a:gd name="connsiteY67" fmla="*/ 683612 h 2703599"/>
              <a:gd name="connsiteX68" fmla="*/ 10427290 w 12191997"/>
              <a:gd name="connsiteY68" fmla="*/ 683612 h 2703599"/>
              <a:gd name="connsiteX69" fmla="*/ 10427290 w 12191997"/>
              <a:gd name="connsiteY69" fmla="*/ 362526 h 2703599"/>
              <a:gd name="connsiteX70" fmla="*/ 8750853 w 12191997"/>
              <a:gd name="connsiteY70" fmla="*/ 362526 h 2703599"/>
              <a:gd name="connsiteX71" fmla="*/ 8750853 w 12191997"/>
              <a:gd name="connsiteY71" fmla="*/ 683612 h 2703599"/>
              <a:gd name="connsiteX72" fmla="*/ 8836815 w 12191997"/>
              <a:gd name="connsiteY72" fmla="*/ 683612 h 2703599"/>
              <a:gd name="connsiteX73" fmla="*/ 8836815 w 12191997"/>
              <a:gd name="connsiteY73" fmla="*/ 362526 h 2703599"/>
              <a:gd name="connsiteX74" fmla="*/ 8342446 w 12191997"/>
              <a:gd name="connsiteY74" fmla="*/ 362526 h 2703599"/>
              <a:gd name="connsiteX75" fmla="*/ 8342446 w 12191997"/>
              <a:gd name="connsiteY75" fmla="*/ 683612 h 2703599"/>
              <a:gd name="connsiteX76" fmla="*/ 8427049 w 12191997"/>
              <a:gd name="connsiteY76" fmla="*/ 683612 h 2703599"/>
              <a:gd name="connsiteX77" fmla="*/ 8427049 w 12191997"/>
              <a:gd name="connsiteY77" fmla="*/ 542606 h 2703599"/>
              <a:gd name="connsiteX78" fmla="*/ 8598974 w 12191997"/>
              <a:gd name="connsiteY78" fmla="*/ 542606 h 2703599"/>
              <a:gd name="connsiteX79" fmla="*/ 8598974 w 12191997"/>
              <a:gd name="connsiteY79" fmla="*/ 683612 h 2703599"/>
              <a:gd name="connsiteX80" fmla="*/ 8683691 w 12191997"/>
              <a:gd name="connsiteY80" fmla="*/ 683612 h 2703599"/>
              <a:gd name="connsiteX81" fmla="*/ 8683691 w 12191997"/>
              <a:gd name="connsiteY81" fmla="*/ 362526 h 2703599"/>
              <a:gd name="connsiteX82" fmla="*/ 8598974 w 12191997"/>
              <a:gd name="connsiteY82" fmla="*/ 362526 h 2703599"/>
              <a:gd name="connsiteX83" fmla="*/ 8598974 w 12191997"/>
              <a:gd name="connsiteY83" fmla="*/ 491527 h 2703599"/>
              <a:gd name="connsiteX84" fmla="*/ 8427049 w 12191997"/>
              <a:gd name="connsiteY84" fmla="*/ 491527 h 2703599"/>
              <a:gd name="connsiteX85" fmla="*/ 8427049 w 12191997"/>
              <a:gd name="connsiteY85" fmla="*/ 362526 h 2703599"/>
              <a:gd name="connsiteX86" fmla="*/ 11788419 w 12191997"/>
              <a:gd name="connsiteY86" fmla="*/ 356184 h 2703599"/>
              <a:gd name="connsiteX87" fmla="*/ 11788419 w 12191997"/>
              <a:gd name="connsiteY87" fmla="*/ 518029 h 2703599"/>
              <a:gd name="connsiteX88" fmla="*/ 11895109 w 12191997"/>
              <a:gd name="connsiteY88" fmla="*/ 518029 h 2703599"/>
              <a:gd name="connsiteX89" fmla="*/ 11855695 w 12191997"/>
              <a:gd name="connsiteY89" fmla="*/ 485184 h 2703599"/>
              <a:gd name="connsiteX90" fmla="*/ 11886275 w 12191997"/>
              <a:gd name="connsiteY90" fmla="*/ 426970 h 2703599"/>
              <a:gd name="connsiteX91" fmla="*/ 11808352 w 12191997"/>
              <a:gd name="connsiteY91" fmla="*/ 356184 h 2703599"/>
              <a:gd name="connsiteX92" fmla="*/ 11680484 w 12191997"/>
              <a:gd name="connsiteY92" fmla="*/ 356184 h 2703599"/>
              <a:gd name="connsiteX93" fmla="*/ 11680484 w 12191997"/>
              <a:gd name="connsiteY93" fmla="*/ 518029 h 2703599"/>
              <a:gd name="connsiteX94" fmla="*/ 11778340 w 12191997"/>
              <a:gd name="connsiteY94" fmla="*/ 518029 h 2703599"/>
              <a:gd name="connsiteX95" fmla="*/ 11778340 w 12191997"/>
              <a:gd name="connsiteY95" fmla="*/ 356184 h 2703599"/>
              <a:gd name="connsiteX96" fmla="*/ 11404023 w 12191997"/>
              <a:gd name="connsiteY96" fmla="*/ 356184 h 2703599"/>
              <a:gd name="connsiteX97" fmla="*/ 11404023 w 12191997"/>
              <a:gd name="connsiteY97" fmla="*/ 518029 h 2703599"/>
              <a:gd name="connsiteX98" fmla="*/ 11501878 w 12191997"/>
              <a:gd name="connsiteY98" fmla="*/ 518029 h 2703599"/>
              <a:gd name="connsiteX99" fmla="*/ 11501878 w 12191997"/>
              <a:gd name="connsiteY99" fmla="*/ 356184 h 2703599"/>
              <a:gd name="connsiteX100" fmla="*/ 11215109 w 12191997"/>
              <a:gd name="connsiteY100" fmla="*/ 356184 h 2703599"/>
              <a:gd name="connsiteX101" fmla="*/ 11215109 w 12191997"/>
              <a:gd name="connsiteY101" fmla="*/ 518029 h 2703599"/>
              <a:gd name="connsiteX102" fmla="*/ 11316136 w 12191997"/>
              <a:gd name="connsiteY102" fmla="*/ 518029 h 2703599"/>
              <a:gd name="connsiteX103" fmla="*/ 11258940 w 12191997"/>
              <a:gd name="connsiteY103" fmla="*/ 356184 h 2703599"/>
              <a:gd name="connsiteX104" fmla="*/ 11161200 w 12191997"/>
              <a:gd name="connsiteY104" fmla="*/ 356184 h 2703599"/>
              <a:gd name="connsiteX105" fmla="*/ 11103890 w 12191997"/>
              <a:gd name="connsiteY105" fmla="*/ 518029 h 2703599"/>
              <a:gd name="connsiteX106" fmla="*/ 11205030 w 12191997"/>
              <a:gd name="connsiteY106" fmla="*/ 518029 h 2703599"/>
              <a:gd name="connsiteX107" fmla="*/ 11205030 w 12191997"/>
              <a:gd name="connsiteY107" fmla="*/ 356184 h 2703599"/>
              <a:gd name="connsiteX108" fmla="*/ 11511957 w 12191997"/>
              <a:gd name="connsiteY108" fmla="*/ 355844 h 2703599"/>
              <a:gd name="connsiteX109" fmla="*/ 11511957 w 12191997"/>
              <a:gd name="connsiteY109" fmla="*/ 518029 h 2703599"/>
              <a:gd name="connsiteX110" fmla="*/ 11618533 w 12191997"/>
              <a:gd name="connsiteY110" fmla="*/ 518029 h 2703599"/>
              <a:gd name="connsiteX111" fmla="*/ 11579233 w 12191997"/>
              <a:gd name="connsiteY111" fmla="*/ 485184 h 2703599"/>
              <a:gd name="connsiteX112" fmla="*/ 11609699 w 12191997"/>
              <a:gd name="connsiteY112" fmla="*/ 426630 h 2703599"/>
              <a:gd name="connsiteX113" fmla="*/ 11531777 w 12191997"/>
              <a:gd name="connsiteY113" fmla="*/ 355844 h 2703599"/>
              <a:gd name="connsiteX114" fmla="*/ 9723643 w 12191997"/>
              <a:gd name="connsiteY114" fmla="*/ 355142 h 2703599"/>
              <a:gd name="connsiteX115" fmla="*/ 9622369 w 12191997"/>
              <a:gd name="connsiteY115" fmla="*/ 372606 h 2703599"/>
              <a:gd name="connsiteX116" fmla="*/ 9549884 w 12191997"/>
              <a:gd name="connsiteY116" fmla="*/ 432972 h 2703599"/>
              <a:gd name="connsiteX117" fmla="*/ 9527233 w 12191997"/>
              <a:gd name="connsiteY117" fmla="*/ 526976 h 2703599"/>
              <a:gd name="connsiteX118" fmla="*/ 9539352 w 12191997"/>
              <a:gd name="connsiteY118" fmla="*/ 594930 h 2703599"/>
              <a:gd name="connsiteX119" fmla="*/ 9538559 w 12191997"/>
              <a:gd name="connsiteY119" fmla="*/ 593911 h 2703599"/>
              <a:gd name="connsiteX120" fmla="*/ 9629844 w 12191997"/>
              <a:gd name="connsiteY120" fmla="*/ 677268 h 2703599"/>
              <a:gd name="connsiteX121" fmla="*/ 9715920 w 12191997"/>
              <a:gd name="connsiteY121" fmla="*/ 690633 h 2703599"/>
              <a:gd name="connsiteX122" fmla="*/ 9826006 w 12191997"/>
              <a:gd name="connsiteY122" fmla="*/ 667981 h 2703599"/>
              <a:gd name="connsiteX123" fmla="*/ 9885127 w 12191997"/>
              <a:gd name="connsiteY123" fmla="*/ 598101 h 2703599"/>
              <a:gd name="connsiteX124" fmla="*/ 9889204 w 12191997"/>
              <a:gd name="connsiteY124" fmla="*/ 567182 h 2703599"/>
              <a:gd name="connsiteX125" fmla="*/ 9798598 w 12191997"/>
              <a:gd name="connsiteY125" fmla="*/ 567182 h 2703599"/>
              <a:gd name="connsiteX126" fmla="*/ 9791916 w 12191997"/>
              <a:gd name="connsiteY126" fmla="*/ 601159 h 2703599"/>
              <a:gd name="connsiteX127" fmla="*/ 9754201 w 12191997"/>
              <a:gd name="connsiteY127" fmla="*/ 635136 h 2703599"/>
              <a:gd name="connsiteX128" fmla="*/ 9715354 w 12191997"/>
              <a:gd name="connsiteY128" fmla="*/ 641932 h 2703599"/>
              <a:gd name="connsiteX129" fmla="*/ 9670051 w 12191997"/>
              <a:gd name="connsiteY129" fmla="*/ 633777 h 2703599"/>
              <a:gd name="connsiteX130" fmla="*/ 9624748 w 12191997"/>
              <a:gd name="connsiteY130" fmla="*/ 582811 h 2703599"/>
              <a:gd name="connsiteX131" fmla="*/ 9616706 w 12191997"/>
              <a:gd name="connsiteY131" fmla="*/ 526183 h 2703599"/>
              <a:gd name="connsiteX132" fmla="*/ 9628032 w 12191997"/>
              <a:gd name="connsiteY132" fmla="*/ 459021 h 2703599"/>
              <a:gd name="connsiteX133" fmla="*/ 9675034 w 12191997"/>
              <a:gd name="connsiteY133" fmla="*/ 412019 h 2703599"/>
              <a:gd name="connsiteX134" fmla="*/ 9716713 w 12191997"/>
              <a:gd name="connsiteY134" fmla="*/ 403978 h 2703599"/>
              <a:gd name="connsiteX135" fmla="*/ 9754088 w 12191997"/>
              <a:gd name="connsiteY135" fmla="*/ 410207 h 2703599"/>
              <a:gd name="connsiteX136" fmla="*/ 9794294 w 12191997"/>
              <a:gd name="connsiteY136" fmla="*/ 447809 h 2703599"/>
              <a:gd name="connsiteX137" fmla="*/ 9798371 w 12191997"/>
              <a:gd name="connsiteY137" fmla="*/ 471932 h 2703599"/>
              <a:gd name="connsiteX138" fmla="*/ 9888411 w 12191997"/>
              <a:gd name="connsiteY138" fmla="*/ 471932 h 2703599"/>
              <a:gd name="connsiteX139" fmla="*/ 9884334 w 12191997"/>
              <a:gd name="connsiteY139" fmla="*/ 451773 h 2703599"/>
              <a:gd name="connsiteX140" fmla="*/ 9823854 w 12191997"/>
              <a:gd name="connsiteY140" fmla="*/ 377929 h 2703599"/>
              <a:gd name="connsiteX141" fmla="*/ 9723643 w 12191997"/>
              <a:gd name="connsiteY141" fmla="*/ 355142 h 2703599"/>
              <a:gd name="connsiteX142" fmla="*/ 0 w 12191997"/>
              <a:gd name="connsiteY142" fmla="*/ 0 h 2703599"/>
              <a:gd name="connsiteX143" fmla="*/ 12191997 w 12191997"/>
              <a:gd name="connsiteY143" fmla="*/ 0 h 2703599"/>
              <a:gd name="connsiteX144" fmla="*/ 12191997 w 12191997"/>
              <a:gd name="connsiteY144" fmla="*/ 2703599 h 2703599"/>
              <a:gd name="connsiteX145" fmla="*/ 0 w 12191997"/>
              <a:gd name="connsiteY145" fmla="*/ 2703599 h 27035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</a:cxnLst>
            <a:rect l="l" t="t" r="r" b="b"/>
            <a:pathLst>
              <a:path w="12191997" h="2703599">
                <a:moveTo>
                  <a:pt x="11901903" y="528222"/>
                </a:moveTo>
                <a:lnTo>
                  <a:pt x="11788419" y="528562"/>
                </a:lnTo>
                <a:lnTo>
                  <a:pt x="11788419" y="690067"/>
                </a:lnTo>
                <a:lnTo>
                  <a:pt x="11808352" y="690067"/>
                </a:lnTo>
                <a:cubicBezTo>
                  <a:pt x="11865400" y="692814"/>
                  <a:pt x="11913863" y="648799"/>
                  <a:pt x="11916615" y="591757"/>
                </a:cubicBezTo>
                <a:cubicBezTo>
                  <a:pt x="11916762" y="588551"/>
                  <a:pt x="11916774" y="585339"/>
                  <a:pt x="11916627" y="582133"/>
                </a:cubicBezTo>
                <a:cubicBezTo>
                  <a:pt x="11916559" y="563178"/>
                  <a:pt x="11911485" y="544577"/>
                  <a:pt x="11901903" y="528222"/>
                </a:cubicBezTo>
                <a:close/>
                <a:moveTo>
                  <a:pt x="11680484" y="528222"/>
                </a:moveTo>
                <a:lnTo>
                  <a:pt x="11680484" y="690067"/>
                </a:lnTo>
                <a:lnTo>
                  <a:pt x="11778340" y="690067"/>
                </a:lnTo>
                <a:lnTo>
                  <a:pt x="11778340" y="528222"/>
                </a:lnTo>
                <a:close/>
                <a:moveTo>
                  <a:pt x="11625328" y="528222"/>
                </a:moveTo>
                <a:lnTo>
                  <a:pt x="11511957" y="528562"/>
                </a:lnTo>
                <a:lnTo>
                  <a:pt x="11511957" y="690067"/>
                </a:lnTo>
                <a:lnTo>
                  <a:pt x="11531777" y="690067"/>
                </a:lnTo>
                <a:cubicBezTo>
                  <a:pt x="11588825" y="692814"/>
                  <a:pt x="11637288" y="648799"/>
                  <a:pt x="11640040" y="591757"/>
                </a:cubicBezTo>
                <a:cubicBezTo>
                  <a:pt x="11640187" y="588551"/>
                  <a:pt x="11640199" y="585339"/>
                  <a:pt x="11640052" y="582133"/>
                </a:cubicBezTo>
                <a:cubicBezTo>
                  <a:pt x="11640040" y="563170"/>
                  <a:pt x="11634955" y="544556"/>
                  <a:pt x="11625328" y="528222"/>
                </a:cubicBezTo>
                <a:close/>
                <a:moveTo>
                  <a:pt x="11404023" y="528222"/>
                </a:moveTo>
                <a:lnTo>
                  <a:pt x="11404023" y="690067"/>
                </a:lnTo>
                <a:lnTo>
                  <a:pt x="11501878" y="690067"/>
                </a:lnTo>
                <a:lnTo>
                  <a:pt x="11501878" y="528222"/>
                </a:lnTo>
                <a:close/>
                <a:moveTo>
                  <a:pt x="11215109" y="528222"/>
                </a:moveTo>
                <a:lnTo>
                  <a:pt x="11215109" y="622565"/>
                </a:lnTo>
                <a:lnTo>
                  <a:pt x="11269133" y="622565"/>
                </a:lnTo>
                <a:lnTo>
                  <a:pt x="11292690" y="690067"/>
                </a:lnTo>
                <a:lnTo>
                  <a:pt x="11376954" y="690067"/>
                </a:lnTo>
                <a:lnTo>
                  <a:pt x="11319759" y="528222"/>
                </a:lnTo>
                <a:close/>
                <a:moveTo>
                  <a:pt x="11100379" y="528222"/>
                </a:moveTo>
                <a:lnTo>
                  <a:pt x="11043071" y="690067"/>
                </a:lnTo>
                <a:lnTo>
                  <a:pt x="11127448" y="690067"/>
                </a:lnTo>
                <a:lnTo>
                  <a:pt x="11151005" y="622565"/>
                </a:lnTo>
                <a:lnTo>
                  <a:pt x="11205029" y="622565"/>
                </a:lnTo>
                <a:lnTo>
                  <a:pt x="11205029" y="528222"/>
                </a:lnTo>
                <a:close/>
                <a:moveTo>
                  <a:pt x="9340585" y="417457"/>
                </a:moveTo>
                <a:lnTo>
                  <a:pt x="9399592" y="562539"/>
                </a:lnTo>
                <a:lnTo>
                  <a:pt x="9281465" y="562539"/>
                </a:lnTo>
                <a:lnTo>
                  <a:pt x="9340585" y="417683"/>
                </a:lnTo>
                <a:close/>
                <a:moveTo>
                  <a:pt x="9932921" y="362639"/>
                </a:moveTo>
                <a:cubicBezTo>
                  <a:pt x="9934280" y="362639"/>
                  <a:pt x="9932921" y="683612"/>
                  <a:pt x="9932921" y="683612"/>
                </a:cubicBezTo>
                <a:lnTo>
                  <a:pt x="10018883" y="683612"/>
                </a:lnTo>
                <a:lnTo>
                  <a:pt x="10018883" y="542606"/>
                </a:lnTo>
                <a:lnTo>
                  <a:pt x="10190808" y="542606"/>
                </a:lnTo>
                <a:lnTo>
                  <a:pt x="10190808" y="683612"/>
                </a:lnTo>
                <a:lnTo>
                  <a:pt x="10275525" y="683612"/>
                </a:lnTo>
                <a:lnTo>
                  <a:pt x="10275525" y="362639"/>
                </a:lnTo>
                <a:lnTo>
                  <a:pt x="10190808" y="362639"/>
                </a:lnTo>
                <a:cubicBezTo>
                  <a:pt x="10189449" y="362639"/>
                  <a:pt x="10190808" y="491527"/>
                  <a:pt x="10190808" y="491527"/>
                </a:cubicBezTo>
                <a:lnTo>
                  <a:pt x="10018883" y="491527"/>
                </a:lnTo>
                <a:lnTo>
                  <a:pt x="10018883" y="362639"/>
                </a:lnTo>
                <a:close/>
                <a:moveTo>
                  <a:pt x="9288147" y="362639"/>
                </a:moveTo>
                <a:lnTo>
                  <a:pt x="9137741" y="683612"/>
                </a:lnTo>
                <a:lnTo>
                  <a:pt x="9233104" y="683612"/>
                </a:lnTo>
                <a:lnTo>
                  <a:pt x="9259946" y="615657"/>
                </a:lnTo>
                <a:lnTo>
                  <a:pt x="9419752" y="615657"/>
                </a:lnTo>
                <a:lnTo>
                  <a:pt x="9447953" y="683612"/>
                </a:lnTo>
                <a:lnTo>
                  <a:pt x="9542070" y="683612"/>
                </a:lnTo>
                <a:lnTo>
                  <a:pt x="9391551" y="362639"/>
                </a:lnTo>
                <a:close/>
                <a:moveTo>
                  <a:pt x="8866376" y="362639"/>
                </a:moveTo>
                <a:lnTo>
                  <a:pt x="8866376" y="417683"/>
                </a:lnTo>
                <a:lnTo>
                  <a:pt x="8996396" y="417683"/>
                </a:lnTo>
                <a:lnTo>
                  <a:pt x="8996396" y="683612"/>
                </a:lnTo>
                <a:lnTo>
                  <a:pt x="9081225" y="683612"/>
                </a:lnTo>
                <a:lnTo>
                  <a:pt x="9081225" y="417683"/>
                </a:lnTo>
                <a:lnTo>
                  <a:pt x="9211585" y="417683"/>
                </a:lnTo>
                <a:lnTo>
                  <a:pt x="9211585" y="362639"/>
                </a:lnTo>
                <a:close/>
                <a:moveTo>
                  <a:pt x="10342687" y="362526"/>
                </a:moveTo>
                <a:lnTo>
                  <a:pt x="10342687" y="683612"/>
                </a:lnTo>
                <a:lnTo>
                  <a:pt x="10427290" y="683612"/>
                </a:lnTo>
                <a:lnTo>
                  <a:pt x="10427290" y="362526"/>
                </a:lnTo>
                <a:close/>
                <a:moveTo>
                  <a:pt x="8750853" y="362526"/>
                </a:moveTo>
                <a:lnTo>
                  <a:pt x="8750853" y="683612"/>
                </a:lnTo>
                <a:lnTo>
                  <a:pt x="8836815" y="683612"/>
                </a:lnTo>
                <a:lnTo>
                  <a:pt x="8836815" y="362526"/>
                </a:lnTo>
                <a:close/>
                <a:moveTo>
                  <a:pt x="8342446" y="362526"/>
                </a:moveTo>
                <a:lnTo>
                  <a:pt x="8342446" y="683612"/>
                </a:lnTo>
                <a:lnTo>
                  <a:pt x="8427049" y="683612"/>
                </a:lnTo>
                <a:lnTo>
                  <a:pt x="8427049" y="542606"/>
                </a:lnTo>
                <a:lnTo>
                  <a:pt x="8598974" y="542606"/>
                </a:lnTo>
                <a:lnTo>
                  <a:pt x="8598974" y="683612"/>
                </a:lnTo>
                <a:lnTo>
                  <a:pt x="8683691" y="683612"/>
                </a:lnTo>
                <a:lnTo>
                  <a:pt x="8683691" y="362526"/>
                </a:lnTo>
                <a:lnTo>
                  <a:pt x="8598974" y="362526"/>
                </a:lnTo>
                <a:lnTo>
                  <a:pt x="8598974" y="491527"/>
                </a:lnTo>
                <a:lnTo>
                  <a:pt x="8427049" y="491527"/>
                </a:lnTo>
                <a:lnTo>
                  <a:pt x="8427049" y="362526"/>
                </a:lnTo>
                <a:close/>
                <a:moveTo>
                  <a:pt x="11788419" y="356184"/>
                </a:moveTo>
                <a:lnTo>
                  <a:pt x="11788419" y="518029"/>
                </a:lnTo>
                <a:lnTo>
                  <a:pt x="11895109" y="518029"/>
                </a:lnTo>
                <a:cubicBezTo>
                  <a:pt x="11884814" y="504065"/>
                  <a:pt x="11871291" y="492797"/>
                  <a:pt x="11855695" y="485184"/>
                </a:cubicBezTo>
                <a:cubicBezTo>
                  <a:pt x="11874824" y="471978"/>
                  <a:pt x="11886263" y="450219"/>
                  <a:pt x="11886275" y="426970"/>
                </a:cubicBezTo>
                <a:cubicBezTo>
                  <a:pt x="11886275" y="386650"/>
                  <a:pt x="11858753" y="356184"/>
                  <a:pt x="11808352" y="356184"/>
                </a:cubicBezTo>
                <a:close/>
                <a:moveTo>
                  <a:pt x="11680484" y="356184"/>
                </a:moveTo>
                <a:lnTo>
                  <a:pt x="11680484" y="518029"/>
                </a:lnTo>
                <a:lnTo>
                  <a:pt x="11778340" y="518029"/>
                </a:lnTo>
                <a:lnTo>
                  <a:pt x="11778340" y="356184"/>
                </a:lnTo>
                <a:close/>
                <a:moveTo>
                  <a:pt x="11404023" y="356184"/>
                </a:moveTo>
                <a:lnTo>
                  <a:pt x="11404023" y="518029"/>
                </a:lnTo>
                <a:lnTo>
                  <a:pt x="11501878" y="518029"/>
                </a:lnTo>
                <a:lnTo>
                  <a:pt x="11501878" y="356184"/>
                </a:lnTo>
                <a:close/>
                <a:moveTo>
                  <a:pt x="11215109" y="356184"/>
                </a:moveTo>
                <a:lnTo>
                  <a:pt x="11215109" y="518029"/>
                </a:lnTo>
                <a:lnTo>
                  <a:pt x="11316136" y="518029"/>
                </a:lnTo>
                <a:lnTo>
                  <a:pt x="11258940" y="356184"/>
                </a:lnTo>
                <a:close/>
                <a:moveTo>
                  <a:pt x="11161200" y="356184"/>
                </a:moveTo>
                <a:lnTo>
                  <a:pt x="11103890" y="518029"/>
                </a:lnTo>
                <a:lnTo>
                  <a:pt x="11205030" y="518029"/>
                </a:lnTo>
                <a:lnTo>
                  <a:pt x="11205030" y="356184"/>
                </a:lnTo>
                <a:close/>
                <a:moveTo>
                  <a:pt x="11511957" y="355844"/>
                </a:moveTo>
                <a:lnTo>
                  <a:pt x="11511957" y="518029"/>
                </a:lnTo>
                <a:lnTo>
                  <a:pt x="11618533" y="518029"/>
                </a:lnTo>
                <a:cubicBezTo>
                  <a:pt x="11608250" y="504095"/>
                  <a:pt x="11594772" y="492831"/>
                  <a:pt x="11579233" y="485184"/>
                </a:cubicBezTo>
                <a:cubicBezTo>
                  <a:pt x="11598408" y="471872"/>
                  <a:pt x="11609801" y="449973"/>
                  <a:pt x="11609699" y="426630"/>
                </a:cubicBezTo>
                <a:cubicBezTo>
                  <a:pt x="11609699" y="386310"/>
                  <a:pt x="11582291" y="355844"/>
                  <a:pt x="11531777" y="355844"/>
                </a:cubicBezTo>
                <a:close/>
                <a:moveTo>
                  <a:pt x="9723643" y="355142"/>
                </a:moveTo>
                <a:cubicBezTo>
                  <a:pt x="9689392" y="354238"/>
                  <a:pt x="9654964" y="360041"/>
                  <a:pt x="9622369" y="372606"/>
                </a:cubicBezTo>
                <a:cubicBezTo>
                  <a:pt x="9592186" y="384144"/>
                  <a:pt x="9566692" y="405378"/>
                  <a:pt x="9549884" y="432972"/>
                </a:cubicBezTo>
                <a:cubicBezTo>
                  <a:pt x="9534210" y="461774"/>
                  <a:pt x="9526395" y="494195"/>
                  <a:pt x="9527233" y="526976"/>
                </a:cubicBezTo>
                <a:cubicBezTo>
                  <a:pt x="9527165" y="550171"/>
                  <a:pt x="9531276" y="573188"/>
                  <a:pt x="9539352" y="594930"/>
                </a:cubicBezTo>
                <a:lnTo>
                  <a:pt x="9538559" y="593911"/>
                </a:lnTo>
                <a:cubicBezTo>
                  <a:pt x="9552036" y="634230"/>
                  <a:pt x="9588279" y="663791"/>
                  <a:pt x="9629844" y="677268"/>
                </a:cubicBezTo>
                <a:cubicBezTo>
                  <a:pt x="9657751" y="685825"/>
                  <a:pt x="9686734" y="690326"/>
                  <a:pt x="9715920" y="690633"/>
                </a:cubicBezTo>
                <a:cubicBezTo>
                  <a:pt x="9753782" y="690751"/>
                  <a:pt x="9791270" y="683040"/>
                  <a:pt x="9826006" y="667981"/>
                </a:cubicBezTo>
                <a:cubicBezTo>
                  <a:pt x="9855544" y="655197"/>
                  <a:pt x="9877414" y="629348"/>
                  <a:pt x="9885127" y="598101"/>
                </a:cubicBezTo>
                <a:cubicBezTo>
                  <a:pt x="9887811" y="588015"/>
                  <a:pt x="9889181" y="577621"/>
                  <a:pt x="9889204" y="567182"/>
                </a:cubicBezTo>
                <a:lnTo>
                  <a:pt x="9798598" y="567182"/>
                </a:lnTo>
                <a:cubicBezTo>
                  <a:pt x="9799289" y="578891"/>
                  <a:pt x="9796990" y="590583"/>
                  <a:pt x="9791916" y="601159"/>
                </a:cubicBezTo>
                <a:cubicBezTo>
                  <a:pt x="9785143" y="617619"/>
                  <a:pt x="9771280" y="630117"/>
                  <a:pt x="9754201" y="635136"/>
                </a:cubicBezTo>
                <a:cubicBezTo>
                  <a:pt x="9741697" y="639480"/>
                  <a:pt x="9728582" y="641774"/>
                  <a:pt x="9715354" y="641932"/>
                </a:cubicBezTo>
                <a:cubicBezTo>
                  <a:pt x="9699951" y="641282"/>
                  <a:pt x="9684717" y="638539"/>
                  <a:pt x="9670051" y="633777"/>
                </a:cubicBezTo>
                <a:cubicBezTo>
                  <a:pt x="9648260" y="624183"/>
                  <a:pt x="9631724" y="605578"/>
                  <a:pt x="9624748" y="582811"/>
                </a:cubicBezTo>
                <a:cubicBezTo>
                  <a:pt x="9619459" y="564399"/>
                  <a:pt x="9616752" y="545340"/>
                  <a:pt x="9616706" y="526183"/>
                </a:cubicBezTo>
                <a:cubicBezTo>
                  <a:pt x="9616831" y="503331"/>
                  <a:pt x="9620648" y="480649"/>
                  <a:pt x="9628032" y="459021"/>
                </a:cubicBezTo>
                <a:cubicBezTo>
                  <a:pt x="9635473" y="436857"/>
                  <a:pt x="9652869" y="419460"/>
                  <a:pt x="9675034" y="412019"/>
                </a:cubicBezTo>
                <a:cubicBezTo>
                  <a:pt x="9688274" y="406660"/>
                  <a:pt x="9702431" y="403929"/>
                  <a:pt x="9716713" y="403978"/>
                </a:cubicBezTo>
                <a:cubicBezTo>
                  <a:pt x="9729364" y="404639"/>
                  <a:pt x="9741901" y="406729"/>
                  <a:pt x="9754088" y="410207"/>
                </a:cubicBezTo>
                <a:cubicBezTo>
                  <a:pt x="9772356" y="416237"/>
                  <a:pt x="9787057" y="429984"/>
                  <a:pt x="9794294" y="447809"/>
                </a:cubicBezTo>
                <a:cubicBezTo>
                  <a:pt x="9796967" y="455572"/>
                  <a:pt x="9798337" y="463722"/>
                  <a:pt x="9798371" y="471932"/>
                </a:cubicBezTo>
                <a:lnTo>
                  <a:pt x="9888411" y="471932"/>
                </a:lnTo>
                <a:lnTo>
                  <a:pt x="9884334" y="451773"/>
                </a:lnTo>
                <a:cubicBezTo>
                  <a:pt x="9877652" y="418657"/>
                  <a:pt x="9855000" y="391001"/>
                  <a:pt x="9823854" y="377929"/>
                </a:cubicBezTo>
                <a:cubicBezTo>
                  <a:pt x="9791967" y="363661"/>
                  <a:pt x="9757893" y="356047"/>
                  <a:pt x="9723643" y="355142"/>
                </a:cubicBezTo>
                <a:close/>
                <a:moveTo>
                  <a:pt x="0" y="0"/>
                </a:moveTo>
                <a:lnTo>
                  <a:pt x="12191997" y="0"/>
                </a:lnTo>
                <a:lnTo>
                  <a:pt x="12191997" y="2703599"/>
                </a:lnTo>
                <a:lnTo>
                  <a:pt x="0" y="2703599"/>
                </a:lnTo>
                <a:close/>
              </a:path>
            </a:pathLst>
          </a:custGeom>
          <a:noFill/>
          <a:ln>
            <a:noFill/>
          </a:ln>
        </p:spPr>
        <p:txBody>
          <a:bodyPr wrap="square" tIns="900000" anchor="ctr">
            <a:noAutofit/>
          </a:bodyPr>
          <a:lstStyle>
            <a:lvl1pPr algn="ctr">
              <a:defRPr sz="2000"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id="{6809A62B-C3B4-4040-AF1D-DC2BF3BDB821}"/>
              </a:ext>
            </a:extLst>
          </p:cNvPr>
          <p:cNvGrpSpPr/>
          <p:nvPr userDrawn="1"/>
        </p:nvGrpSpPr>
        <p:grpSpPr bwMode="gray">
          <a:xfrm>
            <a:off x="0" y="2705093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 dirty="0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22" name="Graphic 21">
            <a:extLst>
              <a:ext uri="{FF2B5EF4-FFF2-40B4-BE49-F238E27FC236}">
                <a16:creationId xmlns:a16="http://schemas.microsoft.com/office/drawing/2014/main" id="{75773FFC-E571-491A-B1AC-1CAA3A3CC67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101664" y="41555"/>
            <a:ext cx="4054618" cy="962688"/>
          </a:xfrm>
          <a:prstGeom prst="rect">
            <a:avLst/>
          </a:prstGeom>
        </p:spPr>
      </p:pic>
      <p:sp>
        <p:nvSpPr>
          <p:cNvPr id="24" name="TextBox 23">
            <a:extLst>
              <a:ext uri="{FF2B5EF4-FFF2-40B4-BE49-F238E27FC236}">
                <a16:creationId xmlns:a16="http://schemas.microsoft.com/office/drawing/2014/main" id="{216765B2-1E0B-4801-837D-638B104A1BE3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C335698-AD40-4284-9146-56895C1663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3815D6C-0C71-4C18-998E-2E308A2ABC6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3DA6F311-81A1-433A-87C5-CB6DA321B03F}"/>
              </a:ext>
            </a:extLst>
          </p:cNvPr>
          <p:cNvSpPr txBox="1"/>
          <p:nvPr userDrawn="1"/>
        </p:nvSpPr>
        <p:spPr bwMode="gray">
          <a:xfrm>
            <a:off x="9384507" y="6604001"/>
            <a:ext cx="2160000" cy="2244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30" b="0" i="0" u="none" strike="noStrike" kern="1200" cap="none" spc="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Hitachi ABB Power Grids 2020. All rights reserved</a:t>
            </a:r>
            <a:endParaRPr kumimoji="0" lang="en-US" sz="73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text" descr="{&#10; &quot;SkabelonDesign&quot;: {&#10; &quot;textualValue&quot;: &quot;&lt;key1/&gt;&quot;,&#10; &quot;bindingCollection&quot;: {&#10; &quot;key1&quot;: {&quot;SkabelonDesign&quot;:{&quot;type&quot;:&quot;Text&quot;,&quot;binding&quot;:&quot;Title&quot;}}&#10; }&#10; }&#10;}">
            <a:extLst>
              <a:ext uri="{FF2B5EF4-FFF2-40B4-BE49-F238E27FC236}">
                <a16:creationId xmlns:a16="http://schemas.microsoft.com/office/drawing/2014/main" id="{B0139E80-E322-4345-9A95-8710FF291980}"/>
              </a:ext>
            </a:extLst>
          </p:cNvPr>
          <p:cNvSpPr/>
          <p:nvPr userDrawn="1"/>
        </p:nvSpPr>
        <p:spPr bwMode="gray">
          <a:xfrm>
            <a:off x="1369197" y="3061516"/>
            <a:ext cx="10537200" cy="57228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800" b="1" dirty="0">
              <a:solidFill>
                <a:schemeClr val="tx1"/>
              </a:solidFill>
            </a:endParaRPr>
          </a:p>
        </p:txBody>
      </p:sp>
      <p:sp>
        <p:nvSpPr>
          <p:cNvPr id="13" name="text" descr="{&#10; &quot;SkabelonDesign&quot;: {&#10; &quot;textualValue&quot;: &quot;&lt;key1/&gt;&quot;,&#10; &quot;bindingCollection&quot;: {&#10; &quot;key1&quot;: {&quot;SkabelonDesign&quot;:{&quot;type&quot;:&quot;Text&quot;,&quot;binding&quot;:&quot;SupplementaryTitle&quot;}}&#10; }&#10; }&#10;}">
            <a:extLst>
              <a:ext uri="{FF2B5EF4-FFF2-40B4-BE49-F238E27FC236}">
                <a16:creationId xmlns:a16="http://schemas.microsoft.com/office/drawing/2014/main" id="{0C632105-07B4-4E7B-B79C-851553456AB8}"/>
              </a:ext>
            </a:extLst>
          </p:cNvPr>
          <p:cNvSpPr/>
          <p:nvPr userDrawn="1"/>
        </p:nvSpPr>
        <p:spPr bwMode="gray">
          <a:xfrm>
            <a:off x="1368404" y="3653232"/>
            <a:ext cx="10542162" cy="40043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000" b="0" dirty="0">
              <a:solidFill>
                <a:schemeClr val="tx1"/>
              </a:solidFill>
            </a:endParaRPr>
          </a:p>
        </p:txBody>
      </p:sp>
      <p:sp>
        <p:nvSpPr>
          <p:cNvPr id="35" name="text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B0B4CF5-EC55-4DB1-8F0A-252E0E8CE420}"/>
              </a:ext>
            </a:extLst>
          </p:cNvPr>
          <p:cNvSpPr txBox="1"/>
          <p:nvPr userDrawn="1"/>
        </p:nvSpPr>
        <p:spPr bwMode="gray">
          <a:xfrm>
            <a:off x="1365279" y="6639725"/>
            <a:ext cx="3431478" cy="15494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pl-PL" sz="930">
                <a:solidFill>
                  <a:schemeClr val="tx1"/>
                </a:solidFill>
              </a:rPr>
              <a:t>2020-07-30</a:t>
            </a:r>
            <a:endParaRPr lang="pl-PL" sz="930" dirty="0">
              <a:solidFill>
                <a:schemeClr val="tx1"/>
              </a:solidFill>
            </a:endParaRPr>
          </a:p>
        </p:txBody>
      </p:sp>
      <p:sp>
        <p:nvSpPr>
          <p:cNvPr id="2" name="Text Box 13">
            <a:extLst>
              <a:ext uri="{FF2B5EF4-FFF2-40B4-BE49-F238E27FC236}">
                <a16:creationId xmlns:a16="http://schemas.microsoft.com/office/drawing/2014/main" id="{737E5FAD-1D90-4473-AC5A-E5F23D71DB7E}"/>
              </a:ext>
            </a:extLst>
          </p:cNvPr>
          <p:cNvSpPr txBox="1">
            <a:spLocks noChangeArrowheads="1"/>
          </p:cNvSpPr>
          <p:nvPr userDrawn="1"/>
        </p:nvSpPr>
        <p:spPr bwMode="gray">
          <a:xfrm>
            <a:off x="1372422" y="6438755"/>
            <a:ext cx="3424335" cy="261610"/>
          </a:xfrm>
          <a:prstGeom prst="rect">
            <a:avLst/>
          </a:prstGeom>
          <a:noFill/>
          <a:ln w="25400">
            <a:noFill/>
            <a:miter lim="800000"/>
            <a:headEnd/>
            <a:tailEnd/>
          </a:ln>
        </p:spPr>
        <p:txBody>
          <a:bodyPr wrap="none" lIns="0" tIns="0" rIns="0" bIns="0">
            <a:noAutofit/>
          </a:bodyPr>
          <a:lstStyle/>
          <a:p>
            <a:pPr algn="ctr">
              <a:spcBef>
                <a:spcPct val="50000"/>
              </a:spcBef>
              <a:defRPr/>
            </a:pPr>
            <a:r>
              <a:rPr kumimoji="0" lang="en-US" altLang="ja-JP" sz="1170" b="1" dirty="0">
                <a:solidFill>
                  <a:schemeClr val="tx1"/>
                </a:solidFill>
                <a:latin typeface="Arial" charset="0"/>
                <a:ea typeface="Arial" pitchFamily="34" charset="0"/>
              </a:rPr>
              <a:t>POWERING GOOD FOR SUSTAINABLE ENERGY</a:t>
            </a:r>
          </a:p>
        </p:txBody>
      </p:sp>
      <p:pic>
        <p:nvPicPr>
          <p:cNvPr id="7" name="Confidential" hidden="1">
            <a:extLst>
              <a:ext uri="{FF2B5EF4-FFF2-40B4-BE49-F238E27FC236}">
                <a16:creationId xmlns:a16="http://schemas.microsoft.com/office/drawing/2014/main" id="{5400EBF5-6B37-4F09-9C6C-F10AF0EBA464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15" name="Public" hidden="1">
            <a:extLst>
              <a:ext uri="{FF2B5EF4-FFF2-40B4-BE49-F238E27FC236}">
                <a16:creationId xmlns:a16="http://schemas.microsoft.com/office/drawing/2014/main" id="{AB30B44C-1FAC-42B1-91D5-52C0DDB28E02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3" name="Internal">
            <a:extLst>
              <a:ext uri="{FF2B5EF4-FFF2-40B4-BE49-F238E27FC236}">
                <a16:creationId xmlns:a16="http://schemas.microsoft.com/office/drawing/2014/main" id="{58075DE1-77CF-4415-AE87-8C01A84C3E40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8" name="Strictly" hidden="1">
            <a:extLst>
              <a:ext uri="{FF2B5EF4-FFF2-40B4-BE49-F238E27FC236}">
                <a16:creationId xmlns:a16="http://schemas.microsoft.com/office/drawing/2014/main" id="{9AC1ADDA-FB08-4CB7-975F-8B02766198B4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934175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FAC527E1-CBF6-43CE-BCF3-6359E433CFD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473607"/>
            <a:ext cx="1166495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6D6E47E2-CFF9-4929-BE9D-85365E9413F8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5" y="1844826"/>
            <a:ext cx="11664950" cy="381642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AABAAD68-8B16-486F-BAEC-5ACAD86B61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accent6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F10F195E-83B2-41A2-8F36-04F29336C2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CE987E3-375B-412A-B11B-3C2584C4B8D3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321621480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77CF11F9-392A-4F9A-A9E9-90FDCBED0EA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684B176C-259C-4283-A8C6-335BD6553B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311571" y="1473607"/>
            <a:ext cx="56052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id="{2EE9DBAB-CFE0-42C2-B2D3-65B2D93F8BB9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6310511" y="1844826"/>
            <a:ext cx="5616503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5CDF3E76-DB43-4E8F-87C4-29ECB443862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Picture Placeholder 24">
            <a:extLst>
              <a:ext uri="{FF2B5EF4-FFF2-40B4-BE49-F238E27FC236}">
                <a16:creationId xmlns:a16="http://schemas.microsoft.com/office/drawing/2014/main" id="{551CEF45-E1E5-4A09-AF12-AA34392BA9A5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264913" y="1361963"/>
            <a:ext cx="5616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19" name="Picture Placeholder 24">
            <a:extLst>
              <a:ext uri="{FF2B5EF4-FFF2-40B4-BE49-F238E27FC236}">
                <a16:creationId xmlns:a16="http://schemas.microsoft.com/office/drawing/2014/main" id="{4BDB2C87-BA9A-4C26-B071-D2A7AE38188C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6312475" y="1361963"/>
            <a:ext cx="5616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8E51AC65-A913-4EDC-BBFD-A07E0F9705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686C526-7F58-4568-B39A-397BB90D5FF1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211759733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BE773D7E-8737-4549-BA6F-9CD12F2D24F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7F36FFC0-2B26-4B6E-81E9-87E8914B4DE9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311571" y="1473607"/>
            <a:ext cx="56052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CB0DE72E-A072-4713-B9D3-7CF3F972BD71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6310511" y="1844826"/>
            <a:ext cx="5616503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06D04365-BF08-447A-9A64-A43CDFB2EB5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EA4E27D0-DBD6-427E-9C38-152E21795D9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accent6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Picture Placeholder 24">
            <a:extLst>
              <a:ext uri="{FF2B5EF4-FFF2-40B4-BE49-F238E27FC236}">
                <a16:creationId xmlns:a16="http://schemas.microsoft.com/office/drawing/2014/main" id="{85C309D6-3FA5-498F-AC6B-F6A20E8C6D33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264913" y="1361963"/>
            <a:ext cx="5616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0" name="Picture Placeholder 24">
            <a:extLst>
              <a:ext uri="{FF2B5EF4-FFF2-40B4-BE49-F238E27FC236}">
                <a16:creationId xmlns:a16="http://schemas.microsoft.com/office/drawing/2014/main" id="{73C95AB0-9EAA-43E7-85C6-A45B2EDF1518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6312475" y="1361963"/>
            <a:ext cx="5616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1" name="Title 1">
            <a:extLst>
              <a:ext uri="{FF2B5EF4-FFF2-40B4-BE49-F238E27FC236}">
                <a16:creationId xmlns:a16="http://schemas.microsoft.com/office/drawing/2014/main" id="{60F44204-EEB3-4F01-B49E-2A16F4D8A8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514B1AC-B0D0-413B-AA1B-BEED78B23AC5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183120469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8" name="Picture Placeholder 3">
            <a:extLst>
              <a:ext uri="{FF2B5EF4-FFF2-40B4-BE49-F238E27FC236}">
                <a16:creationId xmlns:a16="http://schemas.microsoft.com/office/drawing/2014/main" id="{33F13BF9-1311-4811-A51C-9FFEF446C948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10313" y="1473607"/>
            <a:ext cx="5616575" cy="4871631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D81C83C8-EE7C-474B-8A4C-FA0B57CF46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90F2AEDF-5408-4280-B382-645AF1003C8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BE8EF401-6305-46FB-917A-F935E5C554B2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400933298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) &amp; Box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5" name="Picture Placeholder 3">
            <a:extLst>
              <a:ext uri="{FF2B5EF4-FFF2-40B4-BE49-F238E27FC236}">
                <a16:creationId xmlns:a16="http://schemas.microsoft.com/office/drawing/2014/main" id="{545FE617-D52B-476E-948B-310DEA38FD3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10313" y="1473607"/>
            <a:ext cx="5616575" cy="4187622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08FD9A92-F0CB-4C7E-924C-849F9F88C97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18FC10F9-7B1A-4EE2-839B-96181B8B1B71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472A5454-E304-485F-BED3-72DE598380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accent6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B7C40710-3A2B-42E1-9BDA-515066820A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30E8545-8FA3-498E-8E1D-54E551CB2DD7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66208151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A599E7F5-F415-4C65-8A99-EC0A5EE97939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id="{27E9E322-46EC-4812-B19E-68EF57BB65AB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7AECB15B-5F0D-4632-BB23-2A56F9E9A20E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4366170" y="1473607"/>
            <a:ext cx="754569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5" name="Content Placeholder 3">
            <a:extLst>
              <a:ext uri="{FF2B5EF4-FFF2-40B4-BE49-F238E27FC236}">
                <a16:creationId xmlns:a16="http://schemas.microsoft.com/office/drawing/2014/main" id="{E9CCB12E-B98C-43F0-816E-4E115D505FDA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4365111" y="1844825"/>
            <a:ext cx="7560915" cy="450040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Picture Placeholder 24">
            <a:extLst>
              <a:ext uri="{FF2B5EF4-FFF2-40B4-BE49-F238E27FC236}">
                <a16:creationId xmlns:a16="http://schemas.microsoft.com/office/drawing/2014/main" id="{F9D3C576-FBDE-46B6-AA30-0C55A156B71C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264913" y="1361963"/>
            <a:ext cx="36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15" name="Picture Placeholder 24">
            <a:extLst>
              <a:ext uri="{FF2B5EF4-FFF2-40B4-BE49-F238E27FC236}">
                <a16:creationId xmlns:a16="http://schemas.microsoft.com/office/drawing/2014/main" id="{2A6CD859-3AF2-4F5D-B600-9B09D76CDA84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4366172" y="1361963"/>
            <a:ext cx="7560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9BC0EB3-0C96-4FAD-BB70-3339053B89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E4B3E7E4-2BE6-4AB6-A8FC-7530D6CCE4BA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6984680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&amp; Box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AD71F2CD-2ABA-47E7-80A2-CB4906495392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12D8E76E-A1D6-4C7B-AC9A-D9C66C06AF9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375008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0D895BA9-38D6-49B2-82EE-7B9807252862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4366170" y="1473607"/>
            <a:ext cx="754569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6071C9E5-62CE-489F-BACC-9EE6ECE4F55F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4365111" y="1844826"/>
            <a:ext cx="75609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Text Placeholder 7">
            <a:extLst>
              <a:ext uri="{FF2B5EF4-FFF2-40B4-BE49-F238E27FC236}">
                <a16:creationId xmlns:a16="http://schemas.microsoft.com/office/drawing/2014/main" id="{1BDAA8F4-93B7-40C6-881D-E92B143E296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accent6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Picture Placeholder 24">
            <a:extLst>
              <a:ext uri="{FF2B5EF4-FFF2-40B4-BE49-F238E27FC236}">
                <a16:creationId xmlns:a16="http://schemas.microsoft.com/office/drawing/2014/main" id="{75AAE91B-79B3-457D-9CD4-78C1F47A511E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264913" y="1361963"/>
            <a:ext cx="36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16" name="Picture Placeholder 24">
            <a:extLst>
              <a:ext uri="{FF2B5EF4-FFF2-40B4-BE49-F238E27FC236}">
                <a16:creationId xmlns:a16="http://schemas.microsoft.com/office/drawing/2014/main" id="{B7A65987-557C-4F64-B8D5-BEF9A2400CB2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4366172" y="1361963"/>
            <a:ext cx="7560000" cy="28800"/>
          </a:xfrm>
          <a:solidFill>
            <a:schemeClr val="tx1"/>
          </a:solidFill>
          <a:ln>
            <a:noFill/>
          </a:ln>
        </p:spPr>
        <p:txBody>
          <a:bodyPr/>
          <a:lstStyle/>
          <a:p>
            <a:r>
              <a:rPr lang="en-US" dirty="0"/>
              <a:t>.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3669DD4F-6CD1-4129-972D-E8E5288D56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EA9B50B-2C45-451E-9A5E-708394E330AD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181499892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.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365625" y="1473607"/>
            <a:ext cx="7561263" cy="4871631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12445A48-DFDC-4E09-8D6E-8099DA8B659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FCC96F22-1D0B-46E5-954A-AA05B097B747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57C3C68D-E277-49A8-834F-0D34C53437E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8862181-B35D-4964-940E-27183DC6BD51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2414361923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.2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0AEFB7B0-854C-45D4-A22F-879EC656594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365625" y="1473607"/>
            <a:ext cx="7561263" cy="4187634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78A8AAB4-C8C7-488C-83C0-22CAE59FCCF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2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endParaRPr lang="en-US" dirty="0"/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FA58BBDD-2EE1-4C1F-AB47-C6391021C84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381641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0D4FF23E-C363-4D06-8128-2E419B877AA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accent6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0BDFCA8A-B0DF-438D-A645-00DAEE4E93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6929501-833C-4607-9B61-F41B9EB227BE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1766970951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7E0ABA0E-3031-4D04-A99C-3A2FFCD49CA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 bwMode="gray">
          <a:xfrm>
            <a:off x="263524" y="1473607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72865FF8-1BCA-4EA6-A89C-0D5083BCA73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6387" y="1473607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F1C5E35E-D10A-42B4-960D-58E5BEC9E73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49249" y="1473607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4" name="Content Placeholder 3">
            <a:extLst>
              <a:ext uri="{FF2B5EF4-FFF2-40B4-BE49-F238E27FC236}">
                <a16:creationId xmlns:a16="http://schemas.microsoft.com/office/drawing/2014/main" id="{63E7E550-48D1-4848-89AD-7BC59C0A08AD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223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7" name="Content Placeholder 3">
            <a:extLst>
              <a:ext uri="{FF2B5EF4-FFF2-40B4-BE49-F238E27FC236}">
                <a16:creationId xmlns:a16="http://schemas.microsoft.com/office/drawing/2014/main" id="{8901D278-1232-4D46-9CDD-5343894C20FC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256388" y="1844826"/>
            <a:ext cx="367223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8" name="Content Placeholder 3">
            <a:extLst>
              <a:ext uri="{FF2B5EF4-FFF2-40B4-BE49-F238E27FC236}">
                <a16:creationId xmlns:a16="http://schemas.microsoft.com/office/drawing/2014/main" id="{1F4A5F9D-DCF9-4BB5-9762-2EF3B04961F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249250" y="1844826"/>
            <a:ext cx="367223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Picture Placeholder 24">
            <a:extLst>
              <a:ext uri="{FF2B5EF4-FFF2-40B4-BE49-F238E27FC236}">
                <a16:creationId xmlns:a16="http://schemas.microsoft.com/office/drawing/2014/main" id="{5303F152-28C2-4B33-A3F4-540FEA8708D3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264913" y="1361963"/>
            <a:ext cx="36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18" name="Picture Placeholder 24">
            <a:extLst>
              <a:ext uri="{FF2B5EF4-FFF2-40B4-BE49-F238E27FC236}">
                <a16:creationId xmlns:a16="http://schemas.microsoft.com/office/drawing/2014/main" id="{22E4186C-EC01-4CE4-95EC-41517AE3997E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4256388" y="1361963"/>
            <a:ext cx="3672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2" name="Picture Placeholder 24">
            <a:extLst>
              <a:ext uri="{FF2B5EF4-FFF2-40B4-BE49-F238E27FC236}">
                <a16:creationId xmlns:a16="http://schemas.microsoft.com/office/drawing/2014/main" id="{8A1A0923-3351-42F4-A7E2-0C67B7FC7D01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8249486" y="1361963"/>
            <a:ext cx="3672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5F447530-1BB2-420E-A7A1-85F58824AC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07E792D-68AC-4DF4-BC0D-24268577B0E0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415292065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03_Cover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Picture Placeholder 55">
            <a:extLst>
              <a:ext uri="{FF2B5EF4-FFF2-40B4-BE49-F238E27FC236}">
                <a16:creationId xmlns:a16="http://schemas.microsoft.com/office/drawing/2014/main" id="{F6E30BC1-8BFA-47DB-9F4D-44BD4263037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" y="2"/>
            <a:ext cx="12191997" cy="4738687"/>
          </a:xfrm>
          <a:custGeom>
            <a:avLst/>
            <a:gdLst>
              <a:gd name="connsiteX0" fmla="*/ 11680484 w 12191997"/>
              <a:gd name="connsiteY0" fmla="*/ 528222 h 4738687"/>
              <a:gd name="connsiteX1" fmla="*/ 11680484 w 12191997"/>
              <a:gd name="connsiteY1" fmla="*/ 690067 h 4738687"/>
              <a:gd name="connsiteX2" fmla="*/ 11778340 w 12191997"/>
              <a:gd name="connsiteY2" fmla="*/ 690067 h 4738687"/>
              <a:gd name="connsiteX3" fmla="*/ 11778340 w 12191997"/>
              <a:gd name="connsiteY3" fmla="*/ 528222 h 4738687"/>
              <a:gd name="connsiteX4" fmla="*/ 11901903 w 12191997"/>
              <a:gd name="connsiteY4" fmla="*/ 528222 h 4738687"/>
              <a:gd name="connsiteX5" fmla="*/ 11788419 w 12191997"/>
              <a:gd name="connsiteY5" fmla="*/ 528562 h 4738687"/>
              <a:gd name="connsiteX6" fmla="*/ 11788419 w 12191997"/>
              <a:gd name="connsiteY6" fmla="*/ 690067 h 4738687"/>
              <a:gd name="connsiteX7" fmla="*/ 11808352 w 12191997"/>
              <a:gd name="connsiteY7" fmla="*/ 690067 h 4738687"/>
              <a:gd name="connsiteX8" fmla="*/ 11916615 w 12191997"/>
              <a:gd name="connsiteY8" fmla="*/ 591757 h 4738687"/>
              <a:gd name="connsiteX9" fmla="*/ 11916627 w 12191997"/>
              <a:gd name="connsiteY9" fmla="*/ 582133 h 4738687"/>
              <a:gd name="connsiteX10" fmla="*/ 11901903 w 12191997"/>
              <a:gd name="connsiteY10" fmla="*/ 528222 h 4738687"/>
              <a:gd name="connsiteX11" fmla="*/ 11100379 w 12191997"/>
              <a:gd name="connsiteY11" fmla="*/ 528222 h 4738687"/>
              <a:gd name="connsiteX12" fmla="*/ 11043071 w 12191997"/>
              <a:gd name="connsiteY12" fmla="*/ 690067 h 4738687"/>
              <a:gd name="connsiteX13" fmla="*/ 11127448 w 12191997"/>
              <a:gd name="connsiteY13" fmla="*/ 690067 h 4738687"/>
              <a:gd name="connsiteX14" fmla="*/ 11151005 w 12191997"/>
              <a:gd name="connsiteY14" fmla="*/ 622565 h 4738687"/>
              <a:gd name="connsiteX15" fmla="*/ 11205029 w 12191997"/>
              <a:gd name="connsiteY15" fmla="*/ 622565 h 4738687"/>
              <a:gd name="connsiteX16" fmla="*/ 11205029 w 12191997"/>
              <a:gd name="connsiteY16" fmla="*/ 528222 h 4738687"/>
              <a:gd name="connsiteX17" fmla="*/ 11215109 w 12191997"/>
              <a:gd name="connsiteY17" fmla="*/ 528222 h 4738687"/>
              <a:gd name="connsiteX18" fmla="*/ 11215109 w 12191997"/>
              <a:gd name="connsiteY18" fmla="*/ 622565 h 4738687"/>
              <a:gd name="connsiteX19" fmla="*/ 11269133 w 12191997"/>
              <a:gd name="connsiteY19" fmla="*/ 622565 h 4738687"/>
              <a:gd name="connsiteX20" fmla="*/ 11292690 w 12191997"/>
              <a:gd name="connsiteY20" fmla="*/ 690067 h 4738687"/>
              <a:gd name="connsiteX21" fmla="*/ 11376954 w 12191997"/>
              <a:gd name="connsiteY21" fmla="*/ 690067 h 4738687"/>
              <a:gd name="connsiteX22" fmla="*/ 11319759 w 12191997"/>
              <a:gd name="connsiteY22" fmla="*/ 528222 h 4738687"/>
              <a:gd name="connsiteX23" fmla="*/ 11625328 w 12191997"/>
              <a:gd name="connsiteY23" fmla="*/ 528222 h 4738687"/>
              <a:gd name="connsiteX24" fmla="*/ 11511957 w 12191997"/>
              <a:gd name="connsiteY24" fmla="*/ 528562 h 4738687"/>
              <a:gd name="connsiteX25" fmla="*/ 11511957 w 12191997"/>
              <a:gd name="connsiteY25" fmla="*/ 690067 h 4738687"/>
              <a:gd name="connsiteX26" fmla="*/ 11531777 w 12191997"/>
              <a:gd name="connsiteY26" fmla="*/ 690067 h 4738687"/>
              <a:gd name="connsiteX27" fmla="*/ 11640040 w 12191997"/>
              <a:gd name="connsiteY27" fmla="*/ 591757 h 4738687"/>
              <a:gd name="connsiteX28" fmla="*/ 11640052 w 12191997"/>
              <a:gd name="connsiteY28" fmla="*/ 582133 h 4738687"/>
              <a:gd name="connsiteX29" fmla="*/ 11625328 w 12191997"/>
              <a:gd name="connsiteY29" fmla="*/ 528222 h 4738687"/>
              <a:gd name="connsiteX30" fmla="*/ 11404023 w 12191997"/>
              <a:gd name="connsiteY30" fmla="*/ 528222 h 4738687"/>
              <a:gd name="connsiteX31" fmla="*/ 11404023 w 12191997"/>
              <a:gd name="connsiteY31" fmla="*/ 690067 h 4738687"/>
              <a:gd name="connsiteX32" fmla="*/ 11501878 w 12191997"/>
              <a:gd name="connsiteY32" fmla="*/ 690067 h 4738687"/>
              <a:gd name="connsiteX33" fmla="*/ 11501878 w 12191997"/>
              <a:gd name="connsiteY33" fmla="*/ 528222 h 4738687"/>
              <a:gd name="connsiteX34" fmla="*/ 9340585 w 12191997"/>
              <a:gd name="connsiteY34" fmla="*/ 417457 h 4738687"/>
              <a:gd name="connsiteX35" fmla="*/ 9399592 w 12191997"/>
              <a:gd name="connsiteY35" fmla="*/ 562539 h 4738687"/>
              <a:gd name="connsiteX36" fmla="*/ 9281465 w 12191997"/>
              <a:gd name="connsiteY36" fmla="*/ 562539 h 4738687"/>
              <a:gd name="connsiteX37" fmla="*/ 9340585 w 12191997"/>
              <a:gd name="connsiteY37" fmla="*/ 417683 h 4738687"/>
              <a:gd name="connsiteX38" fmla="*/ 9932921 w 12191997"/>
              <a:gd name="connsiteY38" fmla="*/ 362639 h 4738687"/>
              <a:gd name="connsiteX39" fmla="*/ 9932921 w 12191997"/>
              <a:gd name="connsiteY39" fmla="*/ 683612 h 4738687"/>
              <a:gd name="connsiteX40" fmla="*/ 10018883 w 12191997"/>
              <a:gd name="connsiteY40" fmla="*/ 683612 h 4738687"/>
              <a:gd name="connsiteX41" fmla="*/ 10018883 w 12191997"/>
              <a:gd name="connsiteY41" fmla="*/ 542606 h 4738687"/>
              <a:gd name="connsiteX42" fmla="*/ 10190808 w 12191997"/>
              <a:gd name="connsiteY42" fmla="*/ 542606 h 4738687"/>
              <a:gd name="connsiteX43" fmla="*/ 10190808 w 12191997"/>
              <a:gd name="connsiteY43" fmla="*/ 683612 h 4738687"/>
              <a:gd name="connsiteX44" fmla="*/ 10275525 w 12191997"/>
              <a:gd name="connsiteY44" fmla="*/ 683612 h 4738687"/>
              <a:gd name="connsiteX45" fmla="*/ 10275525 w 12191997"/>
              <a:gd name="connsiteY45" fmla="*/ 362639 h 4738687"/>
              <a:gd name="connsiteX46" fmla="*/ 10190808 w 12191997"/>
              <a:gd name="connsiteY46" fmla="*/ 362639 h 4738687"/>
              <a:gd name="connsiteX47" fmla="*/ 10190808 w 12191997"/>
              <a:gd name="connsiteY47" fmla="*/ 491527 h 4738687"/>
              <a:gd name="connsiteX48" fmla="*/ 10018883 w 12191997"/>
              <a:gd name="connsiteY48" fmla="*/ 491527 h 4738687"/>
              <a:gd name="connsiteX49" fmla="*/ 10018883 w 12191997"/>
              <a:gd name="connsiteY49" fmla="*/ 362639 h 4738687"/>
              <a:gd name="connsiteX50" fmla="*/ 8866376 w 12191997"/>
              <a:gd name="connsiteY50" fmla="*/ 362639 h 4738687"/>
              <a:gd name="connsiteX51" fmla="*/ 8866376 w 12191997"/>
              <a:gd name="connsiteY51" fmla="*/ 417683 h 4738687"/>
              <a:gd name="connsiteX52" fmla="*/ 8996396 w 12191997"/>
              <a:gd name="connsiteY52" fmla="*/ 417683 h 4738687"/>
              <a:gd name="connsiteX53" fmla="*/ 8996396 w 12191997"/>
              <a:gd name="connsiteY53" fmla="*/ 683612 h 4738687"/>
              <a:gd name="connsiteX54" fmla="*/ 9081225 w 12191997"/>
              <a:gd name="connsiteY54" fmla="*/ 683612 h 4738687"/>
              <a:gd name="connsiteX55" fmla="*/ 9081225 w 12191997"/>
              <a:gd name="connsiteY55" fmla="*/ 417683 h 4738687"/>
              <a:gd name="connsiteX56" fmla="*/ 9211585 w 12191997"/>
              <a:gd name="connsiteY56" fmla="*/ 417683 h 4738687"/>
              <a:gd name="connsiteX57" fmla="*/ 9211585 w 12191997"/>
              <a:gd name="connsiteY57" fmla="*/ 362639 h 4738687"/>
              <a:gd name="connsiteX58" fmla="*/ 9288147 w 12191997"/>
              <a:gd name="connsiteY58" fmla="*/ 362639 h 4738687"/>
              <a:gd name="connsiteX59" fmla="*/ 9137741 w 12191997"/>
              <a:gd name="connsiteY59" fmla="*/ 683612 h 4738687"/>
              <a:gd name="connsiteX60" fmla="*/ 9233104 w 12191997"/>
              <a:gd name="connsiteY60" fmla="*/ 683612 h 4738687"/>
              <a:gd name="connsiteX61" fmla="*/ 9259946 w 12191997"/>
              <a:gd name="connsiteY61" fmla="*/ 615657 h 4738687"/>
              <a:gd name="connsiteX62" fmla="*/ 9419752 w 12191997"/>
              <a:gd name="connsiteY62" fmla="*/ 615657 h 4738687"/>
              <a:gd name="connsiteX63" fmla="*/ 9447953 w 12191997"/>
              <a:gd name="connsiteY63" fmla="*/ 683612 h 4738687"/>
              <a:gd name="connsiteX64" fmla="*/ 9542070 w 12191997"/>
              <a:gd name="connsiteY64" fmla="*/ 683612 h 4738687"/>
              <a:gd name="connsiteX65" fmla="*/ 9391551 w 12191997"/>
              <a:gd name="connsiteY65" fmla="*/ 362639 h 4738687"/>
              <a:gd name="connsiteX66" fmla="*/ 10342687 w 12191997"/>
              <a:gd name="connsiteY66" fmla="*/ 362526 h 4738687"/>
              <a:gd name="connsiteX67" fmla="*/ 10342687 w 12191997"/>
              <a:gd name="connsiteY67" fmla="*/ 683612 h 4738687"/>
              <a:gd name="connsiteX68" fmla="*/ 10427290 w 12191997"/>
              <a:gd name="connsiteY68" fmla="*/ 683612 h 4738687"/>
              <a:gd name="connsiteX69" fmla="*/ 10427290 w 12191997"/>
              <a:gd name="connsiteY69" fmla="*/ 362526 h 4738687"/>
              <a:gd name="connsiteX70" fmla="*/ 8342446 w 12191997"/>
              <a:gd name="connsiteY70" fmla="*/ 362526 h 4738687"/>
              <a:gd name="connsiteX71" fmla="*/ 8342446 w 12191997"/>
              <a:gd name="connsiteY71" fmla="*/ 683612 h 4738687"/>
              <a:gd name="connsiteX72" fmla="*/ 8427049 w 12191997"/>
              <a:gd name="connsiteY72" fmla="*/ 683612 h 4738687"/>
              <a:gd name="connsiteX73" fmla="*/ 8427049 w 12191997"/>
              <a:gd name="connsiteY73" fmla="*/ 542606 h 4738687"/>
              <a:gd name="connsiteX74" fmla="*/ 8598974 w 12191997"/>
              <a:gd name="connsiteY74" fmla="*/ 542606 h 4738687"/>
              <a:gd name="connsiteX75" fmla="*/ 8598974 w 12191997"/>
              <a:gd name="connsiteY75" fmla="*/ 683612 h 4738687"/>
              <a:gd name="connsiteX76" fmla="*/ 8683691 w 12191997"/>
              <a:gd name="connsiteY76" fmla="*/ 683612 h 4738687"/>
              <a:gd name="connsiteX77" fmla="*/ 8683691 w 12191997"/>
              <a:gd name="connsiteY77" fmla="*/ 362526 h 4738687"/>
              <a:gd name="connsiteX78" fmla="*/ 8598974 w 12191997"/>
              <a:gd name="connsiteY78" fmla="*/ 362526 h 4738687"/>
              <a:gd name="connsiteX79" fmla="*/ 8598974 w 12191997"/>
              <a:gd name="connsiteY79" fmla="*/ 491527 h 4738687"/>
              <a:gd name="connsiteX80" fmla="*/ 8427049 w 12191997"/>
              <a:gd name="connsiteY80" fmla="*/ 491527 h 4738687"/>
              <a:gd name="connsiteX81" fmla="*/ 8427049 w 12191997"/>
              <a:gd name="connsiteY81" fmla="*/ 362526 h 4738687"/>
              <a:gd name="connsiteX82" fmla="*/ 8750853 w 12191997"/>
              <a:gd name="connsiteY82" fmla="*/ 362526 h 4738687"/>
              <a:gd name="connsiteX83" fmla="*/ 8750853 w 12191997"/>
              <a:gd name="connsiteY83" fmla="*/ 683612 h 4738687"/>
              <a:gd name="connsiteX84" fmla="*/ 8836815 w 12191997"/>
              <a:gd name="connsiteY84" fmla="*/ 683612 h 4738687"/>
              <a:gd name="connsiteX85" fmla="*/ 8836815 w 12191997"/>
              <a:gd name="connsiteY85" fmla="*/ 362526 h 4738687"/>
              <a:gd name="connsiteX86" fmla="*/ 11788419 w 12191997"/>
              <a:gd name="connsiteY86" fmla="*/ 356184 h 4738687"/>
              <a:gd name="connsiteX87" fmla="*/ 11788419 w 12191997"/>
              <a:gd name="connsiteY87" fmla="*/ 518029 h 4738687"/>
              <a:gd name="connsiteX88" fmla="*/ 11895109 w 12191997"/>
              <a:gd name="connsiteY88" fmla="*/ 518029 h 4738687"/>
              <a:gd name="connsiteX89" fmla="*/ 11855695 w 12191997"/>
              <a:gd name="connsiteY89" fmla="*/ 485184 h 4738687"/>
              <a:gd name="connsiteX90" fmla="*/ 11886275 w 12191997"/>
              <a:gd name="connsiteY90" fmla="*/ 426970 h 4738687"/>
              <a:gd name="connsiteX91" fmla="*/ 11808352 w 12191997"/>
              <a:gd name="connsiteY91" fmla="*/ 356184 h 4738687"/>
              <a:gd name="connsiteX92" fmla="*/ 11680484 w 12191997"/>
              <a:gd name="connsiteY92" fmla="*/ 356184 h 4738687"/>
              <a:gd name="connsiteX93" fmla="*/ 11680484 w 12191997"/>
              <a:gd name="connsiteY93" fmla="*/ 518029 h 4738687"/>
              <a:gd name="connsiteX94" fmla="*/ 11778340 w 12191997"/>
              <a:gd name="connsiteY94" fmla="*/ 518029 h 4738687"/>
              <a:gd name="connsiteX95" fmla="*/ 11778340 w 12191997"/>
              <a:gd name="connsiteY95" fmla="*/ 356184 h 4738687"/>
              <a:gd name="connsiteX96" fmla="*/ 11215109 w 12191997"/>
              <a:gd name="connsiteY96" fmla="*/ 356184 h 4738687"/>
              <a:gd name="connsiteX97" fmla="*/ 11215109 w 12191997"/>
              <a:gd name="connsiteY97" fmla="*/ 518029 h 4738687"/>
              <a:gd name="connsiteX98" fmla="*/ 11316136 w 12191997"/>
              <a:gd name="connsiteY98" fmla="*/ 518029 h 4738687"/>
              <a:gd name="connsiteX99" fmla="*/ 11258940 w 12191997"/>
              <a:gd name="connsiteY99" fmla="*/ 356184 h 4738687"/>
              <a:gd name="connsiteX100" fmla="*/ 11161200 w 12191997"/>
              <a:gd name="connsiteY100" fmla="*/ 356184 h 4738687"/>
              <a:gd name="connsiteX101" fmla="*/ 11103890 w 12191997"/>
              <a:gd name="connsiteY101" fmla="*/ 518029 h 4738687"/>
              <a:gd name="connsiteX102" fmla="*/ 11205030 w 12191997"/>
              <a:gd name="connsiteY102" fmla="*/ 518029 h 4738687"/>
              <a:gd name="connsiteX103" fmla="*/ 11205030 w 12191997"/>
              <a:gd name="connsiteY103" fmla="*/ 356184 h 4738687"/>
              <a:gd name="connsiteX104" fmla="*/ 11404023 w 12191997"/>
              <a:gd name="connsiteY104" fmla="*/ 356184 h 4738687"/>
              <a:gd name="connsiteX105" fmla="*/ 11404023 w 12191997"/>
              <a:gd name="connsiteY105" fmla="*/ 518029 h 4738687"/>
              <a:gd name="connsiteX106" fmla="*/ 11501878 w 12191997"/>
              <a:gd name="connsiteY106" fmla="*/ 518029 h 4738687"/>
              <a:gd name="connsiteX107" fmla="*/ 11501878 w 12191997"/>
              <a:gd name="connsiteY107" fmla="*/ 356184 h 4738687"/>
              <a:gd name="connsiteX108" fmla="*/ 11511957 w 12191997"/>
              <a:gd name="connsiteY108" fmla="*/ 355844 h 4738687"/>
              <a:gd name="connsiteX109" fmla="*/ 11511957 w 12191997"/>
              <a:gd name="connsiteY109" fmla="*/ 518029 h 4738687"/>
              <a:gd name="connsiteX110" fmla="*/ 11618533 w 12191997"/>
              <a:gd name="connsiteY110" fmla="*/ 518029 h 4738687"/>
              <a:gd name="connsiteX111" fmla="*/ 11579233 w 12191997"/>
              <a:gd name="connsiteY111" fmla="*/ 485184 h 4738687"/>
              <a:gd name="connsiteX112" fmla="*/ 11609699 w 12191997"/>
              <a:gd name="connsiteY112" fmla="*/ 426630 h 4738687"/>
              <a:gd name="connsiteX113" fmla="*/ 11531777 w 12191997"/>
              <a:gd name="connsiteY113" fmla="*/ 355844 h 4738687"/>
              <a:gd name="connsiteX114" fmla="*/ 9723643 w 12191997"/>
              <a:gd name="connsiteY114" fmla="*/ 355142 h 4738687"/>
              <a:gd name="connsiteX115" fmla="*/ 9622369 w 12191997"/>
              <a:gd name="connsiteY115" fmla="*/ 372606 h 4738687"/>
              <a:gd name="connsiteX116" fmla="*/ 9549884 w 12191997"/>
              <a:gd name="connsiteY116" fmla="*/ 432972 h 4738687"/>
              <a:gd name="connsiteX117" fmla="*/ 9527233 w 12191997"/>
              <a:gd name="connsiteY117" fmla="*/ 526976 h 4738687"/>
              <a:gd name="connsiteX118" fmla="*/ 9539352 w 12191997"/>
              <a:gd name="connsiteY118" fmla="*/ 594930 h 4738687"/>
              <a:gd name="connsiteX119" fmla="*/ 9538559 w 12191997"/>
              <a:gd name="connsiteY119" fmla="*/ 593911 h 4738687"/>
              <a:gd name="connsiteX120" fmla="*/ 9629844 w 12191997"/>
              <a:gd name="connsiteY120" fmla="*/ 677268 h 4738687"/>
              <a:gd name="connsiteX121" fmla="*/ 9715920 w 12191997"/>
              <a:gd name="connsiteY121" fmla="*/ 690633 h 4738687"/>
              <a:gd name="connsiteX122" fmla="*/ 9826006 w 12191997"/>
              <a:gd name="connsiteY122" fmla="*/ 667981 h 4738687"/>
              <a:gd name="connsiteX123" fmla="*/ 9885127 w 12191997"/>
              <a:gd name="connsiteY123" fmla="*/ 598101 h 4738687"/>
              <a:gd name="connsiteX124" fmla="*/ 9889204 w 12191997"/>
              <a:gd name="connsiteY124" fmla="*/ 567182 h 4738687"/>
              <a:gd name="connsiteX125" fmla="*/ 9798598 w 12191997"/>
              <a:gd name="connsiteY125" fmla="*/ 567182 h 4738687"/>
              <a:gd name="connsiteX126" fmla="*/ 9791916 w 12191997"/>
              <a:gd name="connsiteY126" fmla="*/ 601159 h 4738687"/>
              <a:gd name="connsiteX127" fmla="*/ 9754201 w 12191997"/>
              <a:gd name="connsiteY127" fmla="*/ 635136 h 4738687"/>
              <a:gd name="connsiteX128" fmla="*/ 9715354 w 12191997"/>
              <a:gd name="connsiteY128" fmla="*/ 641932 h 4738687"/>
              <a:gd name="connsiteX129" fmla="*/ 9670051 w 12191997"/>
              <a:gd name="connsiteY129" fmla="*/ 633777 h 4738687"/>
              <a:gd name="connsiteX130" fmla="*/ 9624748 w 12191997"/>
              <a:gd name="connsiteY130" fmla="*/ 582811 h 4738687"/>
              <a:gd name="connsiteX131" fmla="*/ 9616706 w 12191997"/>
              <a:gd name="connsiteY131" fmla="*/ 526183 h 4738687"/>
              <a:gd name="connsiteX132" fmla="*/ 9628032 w 12191997"/>
              <a:gd name="connsiteY132" fmla="*/ 459021 h 4738687"/>
              <a:gd name="connsiteX133" fmla="*/ 9675034 w 12191997"/>
              <a:gd name="connsiteY133" fmla="*/ 412019 h 4738687"/>
              <a:gd name="connsiteX134" fmla="*/ 9716713 w 12191997"/>
              <a:gd name="connsiteY134" fmla="*/ 403978 h 4738687"/>
              <a:gd name="connsiteX135" fmla="*/ 9754088 w 12191997"/>
              <a:gd name="connsiteY135" fmla="*/ 410207 h 4738687"/>
              <a:gd name="connsiteX136" fmla="*/ 9794294 w 12191997"/>
              <a:gd name="connsiteY136" fmla="*/ 447809 h 4738687"/>
              <a:gd name="connsiteX137" fmla="*/ 9798371 w 12191997"/>
              <a:gd name="connsiteY137" fmla="*/ 471932 h 4738687"/>
              <a:gd name="connsiteX138" fmla="*/ 9888411 w 12191997"/>
              <a:gd name="connsiteY138" fmla="*/ 471932 h 4738687"/>
              <a:gd name="connsiteX139" fmla="*/ 9884334 w 12191997"/>
              <a:gd name="connsiteY139" fmla="*/ 451773 h 4738687"/>
              <a:gd name="connsiteX140" fmla="*/ 9823854 w 12191997"/>
              <a:gd name="connsiteY140" fmla="*/ 377929 h 4738687"/>
              <a:gd name="connsiteX141" fmla="*/ 9723643 w 12191997"/>
              <a:gd name="connsiteY141" fmla="*/ 355142 h 4738687"/>
              <a:gd name="connsiteX142" fmla="*/ 0 w 12191997"/>
              <a:gd name="connsiteY142" fmla="*/ 0 h 4738687"/>
              <a:gd name="connsiteX143" fmla="*/ 12191997 w 12191997"/>
              <a:gd name="connsiteY143" fmla="*/ 0 h 4738687"/>
              <a:gd name="connsiteX144" fmla="*/ 12191997 w 12191997"/>
              <a:gd name="connsiteY144" fmla="*/ 4738687 h 4738687"/>
              <a:gd name="connsiteX145" fmla="*/ 0 w 12191997"/>
              <a:gd name="connsiteY145" fmla="*/ 4738687 h 473868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</a:cxnLst>
            <a:rect l="l" t="t" r="r" b="b"/>
            <a:pathLst>
              <a:path w="12191997" h="4738687">
                <a:moveTo>
                  <a:pt x="11680484" y="528222"/>
                </a:moveTo>
                <a:lnTo>
                  <a:pt x="11680484" y="690067"/>
                </a:lnTo>
                <a:lnTo>
                  <a:pt x="11778340" y="690067"/>
                </a:lnTo>
                <a:lnTo>
                  <a:pt x="11778340" y="528222"/>
                </a:lnTo>
                <a:close/>
                <a:moveTo>
                  <a:pt x="11901903" y="528222"/>
                </a:moveTo>
                <a:lnTo>
                  <a:pt x="11788419" y="528562"/>
                </a:lnTo>
                <a:lnTo>
                  <a:pt x="11788419" y="690067"/>
                </a:lnTo>
                <a:lnTo>
                  <a:pt x="11808352" y="690067"/>
                </a:lnTo>
                <a:cubicBezTo>
                  <a:pt x="11865400" y="692814"/>
                  <a:pt x="11913863" y="648799"/>
                  <a:pt x="11916615" y="591757"/>
                </a:cubicBezTo>
                <a:cubicBezTo>
                  <a:pt x="11916762" y="588551"/>
                  <a:pt x="11916774" y="585339"/>
                  <a:pt x="11916627" y="582133"/>
                </a:cubicBezTo>
                <a:cubicBezTo>
                  <a:pt x="11916559" y="563178"/>
                  <a:pt x="11911485" y="544577"/>
                  <a:pt x="11901903" y="528222"/>
                </a:cubicBezTo>
                <a:close/>
                <a:moveTo>
                  <a:pt x="11100379" y="528222"/>
                </a:moveTo>
                <a:lnTo>
                  <a:pt x="11043071" y="690067"/>
                </a:lnTo>
                <a:lnTo>
                  <a:pt x="11127448" y="690067"/>
                </a:lnTo>
                <a:lnTo>
                  <a:pt x="11151005" y="622565"/>
                </a:lnTo>
                <a:lnTo>
                  <a:pt x="11205029" y="622565"/>
                </a:lnTo>
                <a:lnTo>
                  <a:pt x="11205029" y="528222"/>
                </a:lnTo>
                <a:close/>
                <a:moveTo>
                  <a:pt x="11215109" y="528222"/>
                </a:moveTo>
                <a:lnTo>
                  <a:pt x="11215109" y="622565"/>
                </a:lnTo>
                <a:lnTo>
                  <a:pt x="11269133" y="622565"/>
                </a:lnTo>
                <a:lnTo>
                  <a:pt x="11292690" y="690067"/>
                </a:lnTo>
                <a:lnTo>
                  <a:pt x="11376954" y="690067"/>
                </a:lnTo>
                <a:lnTo>
                  <a:pt x="11319759" y="528222"/>
                </a:lnTo>
                <a:close/>
                <a:moveTo>
                  <a:pt x="11625328" y="528222"/>
                </a:moveTo>
                <a:lnTo>
                  <a:pt x="11511957" y="528562"/>
                </a:lnTo>
                <a:lnTo>
                  <a:pt x="11511957" y="690067"/>
                </a:lnTo>
                <a:lnTo>
                  <a:pt x="11531777" y="690067"/>
                </a:lnTo>
                <a:cubicBezTo>
                  <a:pt x="11588825" y="692814"/>
                  <a:pt x="11637288" y="648799"/>
                  <a:pt x="11640040" y="591757"/>
                </a:cubicBezTo>
                <a:cubicBezTo>
                  <a:pt x="11640187" y="588551"/>
                  <a:pt x="11640199" y="585339"/>
                  <a:pt x="11640052" y="582133"/>
                </a:cubicBezTo>
                <a:cubicBezTo>
                  <a:pt x="11640040" y="563170"/>
                  <a:pt x="11634955" y="544556"/>
                  <a:pt x="11625328" y="528222"/>
                </a:cubicBezTo>
                <a:close/>
                <a:moveTo>
                  <a:pt x="11404023" y="528222"/>
                </a:moveTo>
                <a:lnTo>
                  <a:pt x="11404023" y="690067"/>
                </a:lnTo>
                <a:lnTo>
                  <a:pt x="11501878" y="690067"/>
                </a:lnTo>
                <a:lnTo>
                  <a:pt x="11501878" y="528222"/>
                </a:lnTo>
                <a:close/>
                <a:moveTo>
                  <a:pt x="9340585" y="417457"/>
                </a:moveTo>
                <a:lnTo>
                  <a:pt x="9399592" y="562539"/>
                </a:lnTo>
                <a:lnTo>
                  <a:pt x="9281465" y="562539"/>
                </a:lnTo>
                <a:lnTo>
                  <a:pt x="9340585" y="417683"/>
                </a:lnTo>
                <a:close/>
                <a:moveTo>
                  <a:pt x="9932921" y="362639"/>
                </a:moveTo>
                <a:cubicBezTo>
                  <a:pt x="9934280" y="362639"/>
                  <a:pt x="9932921" y="683612"/>
                  <a:pt x="9932921" y="683612"/>
                </a:cubicBezTo>
                <a:lnTo>
                  <a:pt x="10018883" y="683612"/>
                </a:lnTo>
                <a:lnTo>
                  <a:pt x="10018883" y="542606"/>
                </a:lnTo>
                <a:lnTo>
                  <a:pt x="10190808" y="542606"/>
                </a:lnTo>
                <a:lnTo>
                  <a:pt x="10190808" y="683612"/>
                </a:lnTo>
                <a:lnTo>
                  <a:pt x="10275525" y="683612"/>
                </a:lnTo>
                <a:lnTo>
                  <a:pt x="10275525" y="362639"/>
                </a:lnTo>
                <a:lnTo>
                  <a:pt x="10190808" y="362639"/>
                </a:lnTo>
                <a:cubicBezTo>
                  <a:pt x="10189449" y="362639"/>
                  <a:pt x="10190808" y="491527"/>
                  <a:pt x="10190808" y="491527"/>
                </a:cubicBezTo>
                <a:lnTo>
                  <a:pt x="10018883" y="491527"/>
                </a:lnTo>
                <a:lnTo>
                  <a:pt x="10018883" y="362639"/>
                </a:lnTo>
                <a:close/>
                <a:moveTo>
                  <a:pt x="8866376" y="362639"/>
                </a:moveTo>
                <a:lnTo>
                  <a:pt x="8866376" y="417683"/>
                </a:lnTo>
                <a:lnTo>
                  <a:pt x="8996396" y="417683"/>
                </a:lnTo>
                <a:lnTo>
                  <a:pt x="8996396" y="683612"/>
                </a:lnTo>
                <a:lnTo>
                  <a:pt x="9081225" y="683612"/>
                </a:lnTo>
                <a:lnTo>
                  <a:pt x="9081225" y="417683"/>
                </a:lnTo>
                <a:lnTo>
                  <a:pt x="9211585" y="417683"/>
                </a:lnTo>
                <a:lnTo>
                  <a:pt x="9211585" y="362639"/>
                </a:lnTo>
                <a:close/>
                <a:moveTo>
                  <a:pt x="9288147" y="362639"/>
                </a:moveTo>
                <a:lnTo>
                  <a:pt x="9137741" y="683612"/>
                </a:lnTo>
                <a:lnTo>
                  <a:pt x="9233104" y="683612"/>
                </a:lnTo>
                <a:lnTo>
                  <a:pt x="9259946" y="615657"/>
                </a:lnTo>
                <a:lnTo>
                  <a:pt x="9419752" y="615657"/>
                </a:lnTo>
                <a:lnTo>
                  <a:pt x="9447953" y="683612"/>
                </a:lnTo>
                <a:lnTo>
                  <a:pt x="9542070" y="683612"/>
                </a:lnTo>
                <a:lnTo>
                  <a:pt x="9391551" y="362639"/>
                </a:lnTo>
                <a:close/>
                <a:moveTo>
                  <a:pt x="10342687" y="362526"/>
                </a:moveTo>
                <a:lnTo>
                  <a:pt x="10342687" y="683612"/>
                </a:lnTo>
                <a:lnTo>
                  <a:pt x="10427290" y="683612"/>
                </a:lnTo>
                <a:lnTo>
                  <a:pt x="10427290" y="362526"/>
                </a:lnTo>
                <a:close/>
                <a:moveTo>
                  <a:pt x="8342446" y="362526"/>
                </a:moveTo>
                <a:lnTo>
                  <a:pt x="8342446" y="683612"/>
                </a:lnTo>
                <a:lnTo>
                  <a:pt x="8427049" y="683612"/>
                </a:lnTo>
                <a:lnTo>
                  <a:pt x="8427049" y="542606"/>
                </a:lnTo>
                <a:lnTo>
                  <a:pt x="8598974" y="542606"/>
                </a:lnTo>
                <a:lnTo>
                  <a:pt x="8598974" y="683612"/>
                </a:lnTo>
                <a:lnTo>
                  <a:pt x="8683691" y="683612"/>
                </a:lnTo>
                <a:lnTo>
                  <a:pt x="8683691" y="362526"/>
                </a:lnTo>
                <a:lnTo>
                  <a:pt x="8598974" y="362526"/>
                </a:lnTo>
                <a:lnTo>
                  <a:pt x="8598974" y="491527"/>
                </a:lnTo>
                <a:lnTo>
                  <a:pt x="8427049" y="491527"/>
                </a:lnTo>
                <a:lnTo>
                  <a:pt x="8427049" y="362526"/>
                </a:lnTo>
                <a:close/>
                <a:moveTo>
                  <a:pt x="8750853" y="362526"/>
                </a:moveTo>
                <a:lnTo>
                  <a:pt x="8750853" y="683612"/>
                </a:lnTo>
                <a:lnTo>
                  <a:pt x="8836815" y="683612"/>
                </a:lnTo>
                <a:lnTo>
                  <a:pt x="8836815" y="362526"/>
                </a:lnTo>
                <a:close/>
                <a:moveTo>
                  <a:pt x="11788419" y="356184"/>
                </a:moveTo>
                <a:lnTo>
                  <a:pt x="11788419" y="518029"/>
                </a:lnTo>
                <a:lnTo>
                  <a:pt x="11895109" y="518029"/>
                </a:lnTo>
                <a:cubicBezTo>
                  <a:pt x="11884814" y="504065"/>
                  <a:pt x="11871291" y="492797"/>
                  <a:pt x="11855695" y="485184"/>
                </a:cubicBezTo>
                <a:cubicBezTo>
                  <a:pt x="11874824" y="471978"/>
                  <a:pt x="11886263" y="450219"/>
                  <a:pt x="11886275" y="426970"/>
                </a:cubicBezTo>
                <a:cubicBezTo>
                  <a:pt x="11886275" y="386650"/>
                  <a:pt x="11858753" y="356184"/>
                  <a:pt x="11808352" y="356184"/>
                </a:cubicBezTo>
                <a:close/>
                <a:moveTo>
                  <a:pt x="11680484" y="356184"/>
                </a:moveTo>
                <a:lnTo>
                  <a:pt x="11680484" y="518029"/>
                </a:lnTo>
                <a:lnTo>
                  <a:pt x="11778340" y="518029"/>
                </a:lnTo>
                <a:lnTo>
                  <a:pt x="11778340" y="356184"/>
                </a:lnTo>
                <a:close/>
                <a:moveTo>
                  <a:pt x="11215109" y="356184"/>
                </a:moveTo>
                <a:lnTo>
                  <a:pt x="11215109" y="518029"/>
                </a:lnTo>
                <a:lnTo>
                  <a:pt x="11316136" y="518029"/>
                </a:lnTo>
                <a:lnTo>
                  <a:pt x="11258940" y="356184"/>
                </a:lnTo>
                <a:close/>
                <a:moveTo>
                  <a:pt x="11161200" y="356184"/>
                </a:moveTo>
                <a:lnTo>
                  <a:pt x="11103890" y="518029"/>
                </a:lnTo>
                <a:lnTo>
                  <a:pt x="11205030" y="518029"/>
                </a:lnTo>
                <a:lnTo>
                  <a:pt x="11205030" y="356184"/>
                </a:lnTo>
                <a:close/>
                <a:moveTo>
                  <a:pt x="11404023" y="356184"/>
                </a:moveTo>
                <a:lnTo>
                  <a:pt x="11404023" y="518029"/>
                </a:lnTo>
                <a:lnTo>
                  <a:pt x="11501878" y="518029"/>
                </a:lnTo>
                <a:lnTo>
                  <a:pt x="11501878" y="356184"/>
                </a:lnTo>
                <a:close/>
                <a:moveTo>
                  <a:pt x="11511957" y="355844"/>
                </a:moveTo>
                <a:lnTo>
                  <a:pt x="11511957" y="518029"/>
                </a:lnTo>
                <a:lnTo>
                  <a:pt x="11618533" y="518029"/>
                </a:lnTo>
                <a:cubicBezTo>
                  <a:pt x="11608250" y="504095"/>
                  <a:pt x="11594772" y="492831"/>
                  <a:pt x="11579233" y="485184"/>
                </a:cubicBezTo>
                <a:cubicBezTo>
                  <a:pt x="11598408" y="471872"/>
                  <a:pt x="11609801" y="449973"/>
                  <a:pt x="11609699" y="426630"/>
                </a:cubicBezTo>
                <a:cubicBezTo>
                  <a:pt x="11609699" y="386310"/>
                  <a:pt x="11582291" y="355844"/>
                  <a:pt x="11531777" y="355844"/>
                </a:cubicBezTo>
                <a:close/>
                <a:moveTo>
                  <a:pt x="9723643" y="355142"/>
                </a:moveTo>
                <a:cubicBezTo>
                  <a:pt x="9689392" y="354238"/>
                  <a:pt x="9654964" y="360041"/>
                  <a:pt x="9622369" y="372606"/>
                </a:cubicBezTo>
                <a:cubicBezTo>
                  <a:pt x="9592186" y="384144"/>
                  <a:pt x="9566692" y="405378"/>
                  <a:pt x="9549884" y="432972"/>
                </a:cubicBezTo>
                <a:cubicBezTo>
                  <a:pt x="9534210" y="461774"/>
                  <a:pt x="9526395" y="494195"/>
                  <a:pt x="9527233" y="526976"/>
                </a:cubicBezTo>
                <a:cubicBezTo>
                  <a:pt x="9527165" y="550171"/>
                  <a:pt x="9531276" y="573188"/>
                  <a:pt x="9539352" y="594930"/>
                </a:cubicBezTo>
                <a:lnTo>
                  <a:pt x="9538559" y="593911"/>
                </a:lnTo>
                <a:cubicBezTo>
                  <a:pt x="9552036" y="634230"/>
                  <a:pt x="9588279" y="663791"/>
                  <a:pt x="9629844" y="677268"/>
                </a:cubicBezTo>
                <a:cubicBezTo>
                  <a:pt x="9657751" y="685825"/>
                  <a:pt x="9686734" y="690326"/>
                  <a:pt x="9715920" y="690633"/>
                </a:cubicBezTo>
                <a:cubicBezTo>
                  <a:pt x="9753782" y="690751"/>
                  <a:pt x="9791270" y="683040"/>
                  <a:pt x="9826006" y="667981"/>
                </a:cubicBezTo>
                <a:cubicBezTo>
                  <a:pt x="9855544" y="655197"/>
                  <a:pt x="9877414" y="629348"/>
                  <a:pt x="9885127" y="598101"/>
                </a:cubicBezTo>
                <a:cubicBezTo>
                  <a:pt x="9887811" y="588015"/>
                  <a:pt x="9889181" y="577621"/>
                  <a:pt x="9889204" y="567182"/>
                </a:cubicBezTo>
                <a:lnTo>
                  <a:pt x="9798598" y="567182"/>
                </a:lnTo>
                <a:cubicBezTo>
                  <a:pt x="9799289" y="578891"/>
                  <a:pt x="9796990" y="590583"/>
                  <a:pt x="9791916" y="601159"/>
                </a:cubicBezTo>
                <a:cubicBezTo>
                  <a:pt x="9785143" y="617619"/>
                  <a:pt x="9771280" y="630117"/>
                  <a:pt x="9754201" y="635136"/>
                </a:cubicBezTo>
                <a:cubicBezTo>
                  <a:pt x="9741697" y="639480"/>
                  <a:pt x="9728582" y="641774"/>
                  <a:pt x="9715354" y="641932"/>
                </a:cubicBezTo>
                <a:cubicBezTo>
                  <a:pt x="9699951" y="641282"/>
                  <a:pt x="9684717" y="638539"/>
                  <a:pt x="9670051" y="633777"/>
                </a:cubicBezTo>
                <a:cubicBezTo>
                  <a:pt x="9648260" y="624183"/>
                  <a:pt x="9631724" y="605578"/>
                  <a:pt x="9624748" y="582811"/>
                </a:cubicBezTo>
                <a:cubicBezTo>
                  <a:pt x="9619459" y="564399"/>
                  <a:pt x="9616752" y="545340"/>
                  <a:pt x="9616706" y="526183"/>
                </a:cubicBezTo>
                <a:cubicBezTo>
                  <a:pt x="9616831" y="503331"/>
                  <a:pt x="9620648" y="480649"/>
                  <a:pt x="9628032" y="459021"/>
                </a:cubicBezTo>
                <a:cubicBezTo>
                  <a:pt x="9635473" y="436857"/>
                  <a:pt x="9652869" y="419460"/>
                  <a:pt x="9675034" y="412019"/>
                </a:cubicBezTo>
                <a:cubicBezTo>
                  <a:pt x="9688274" y="406660"/>
                  <a:pt x="9702431" y="403929"/>
                  <a:pt x="9716713" y="403978"/>
                </a:cubicBezTo>
                <a:cubicBezTo>
                  <a:pt x="9729364" y="404639"/>
                  <a:pt x="9741901" y="406729"/>
                  <a:pt x="9754088" y="410207"/>
                </a:cubicBezTo>
                <a:cubicBezTo>
                  <a:pt x="9772356" y="416237"/>
                  <a:pt x="9787057" y="429984"/>
                  <a:pt x="9794294" y="447809"/>
                </a:cubicBezTo>
                <a:cubicBezTo>
                  <a:pt x="9796967" y="455572"/>
                  <a:pt x="9798337" y="463722"/>
                  <a:pt x="9798371" y="471932"/>
                </a:cubicBezTo>
                <a:lnTo>
                  <a:pt x="9888411" y="471932"/>
                </a:lnTo>
                <a:lnTo>
                  <a:pt x="9884334" y="451773"/>
                </a:lnTo>
                <a:cubicBezTo>
                  <a:pt x="9877652" y="418657"/>
                  <a:pt x="9855000" y="391001"/>
                  <a:pt x="9823854" y="377929"/>
                </a:cubicBezTo>
                <a:cubicBezTo>
                  <a:pt x="9791967" y="363661"/>
                  <a:pt x="9757893" y="356047"/>
                  <a:pt x="9723643" y="355142"/>
                </a:cubicBezTo>
                <a:close/>
                <a:moveTo>
                  <a:pt x="0" y="0"/>
                </a:moveTo>
                <a:lnTo>
                  <a:pt x="12191997" y="0"/>
                </a:lnTo>
                <a:lnTo>
                  <a:pt x="12191997" y="4738687"/>
                </a:lnTo>
                <a:lnTo>
                  <a:pt x="0" y="4738687"/>
                </a:lnTo>
                <a:close/>
              </a:path>
            </a:pathLst>
          </a:custGeom>
          <a:noFill/>
        </p:spPr>
        <p:txBody>
          <a:bodyPr wrap="square" tIns="900000" anchor="ctr">
            <a:noAutofit/>
          </a:bodyPr>
          <a:lstStyle>
            <a:lvl1pPr algn="ctr">
              <a:defRPr sz="2000"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id="{6809A62B-C3B4-4040-AF1D-DC2BF3BDB821}"/>
              </a:ext>
            </a:extLst>
          </p:cNvPr>
          <p:cNvGrpSpPr/>
          <p:nvPr userDrawn="1"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 dirty="0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58" name="Graphic 57">
            <a:extLst>
              <a:ext uri="{FF2B5EF4-FFF2-40B4-BE49-F238E27FC236}">
                <a16:creationId xmlns:a16="http://schemas.microsoft.com/office/drawing/2014/main" id="{87CED3B0-7818-48A4-B9A0-D2FA09E0AF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101664" y="41555"/>
            <a:ext cx="4054618" cy="962688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2C9385B2-CD2A-4812-9A01-A693DDBC15A1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  <p:sp>
        <p:nvSpPr>
          <p:cNvPr id="27" name="Footer Placeholder 4">
            <a:extLst>
              <a:ext uri="{FF2B5EF4-FFF2-40B4-BE49-F238E27FC236}">
                <a16:creationId xmlns:a16="http://schemas.microsoft.com/office/drawing/2014/main" id="{B7F2E0A4-3CB6-416D-ADC4-4C7496CC946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Slide Number Placeholder 5">
            <a:extLst>
              <a:ext uri="{FF2B5EF4-FFF2-40B4-BE49-F238E27FC236}">
                <a16:creationId xmlns:a16="http://schemas.microsoft.com/office/drawing/2014/main" id="{27C55999-B301-4D4D-A96E-5C9CA066EC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CC04AA69-D16D-4C3C-BBAC-042383626835}"/>
              </a:ext>
            </a:extLst>
          </p:cNvPr>
          <p:cNvSpPr txBox="1"/>
          <p:nvPr userDrawn="1"/>
        </p:nvSpPr>
        <p:spPr bwMode="gray">
          <a:xfrm>
            <a:off x="9384507" y="6604001"/>
            <a:ext cx="2160000" cy="2244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30" b="0" i="0" u="none" strike="noStrike" kern="1200" cap="none" spc="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Hitachi ABB Power Grids 2020. All rights reserved</a:t>
            </a:r>
            <a:endParaRPr kumimoji="0" lang="en-US" sz="73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text" descr="{&#10; &quot;SkabelonDesign&quot;: {&#10; &quot;textualValue&quot;: &quot;&lt;key1/&gt;&quot;,&#10; &quot;bindingCollection&quot;: {&#10; &quot;key1&quot;: {&quot;SkabelonDesign&quot;:{&quot;type&quot;:&quot;Text&quot;,&quot;binding&quot;:&quot;Title&quot;}}&#10; }&#10; }&#10;}">
            <a:extLst>
              <a:ext uri="{FF2B5EF4-FFF2-40B4-BE49-F238E27FC236}">
                <a16:creationId xmlns:a16="http://schemas.microsoft.com/office/drawing/2014/main" id="{84363F99-AF02-4A5B-A36C-8C3FDDCFE92A}"/>
              </a:ext>
            </a:extLst>
          </p:cNvPr>
          <p:cNvSpPr/>
          <p:nvPr userDrawn="1"/>
        </p:nvSpPr>
        <p:spPr bwMode="gray">
          <a:xfrm>
            <a:off x="1369197" y="5090003"/>
            <a:ext cx="10537200" cy="57228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800" b="1" dirty="0">
              <a:solidFill>
                <a:schemeClr val="tx1"/>
              </a:solidFill>
            </a:endParaRPr>
          </a:p>
        </p:txBody>
      </p:sp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SupplementaryTitle&quot;}}&#10; }&#10; }&#10;}">
            <a:extLst>
              <a:ext uri="{FF2B5EF4-FFF2-40B4-BE49-F238E27FC236}">
                <a16:creationId xmlns:a16="http://schemas.microsoft.com/office/drawing/2014/main" id="{49E04663-53AE-4442-949C-131F559D36CC}"/>
              </a:ext>
            </a:extLst>
          </p:cNvPr>
          <p:cNvSpPr/>
          <p:nvPr userDrawn="1"/>
        </p:nvSpPr>
        <p:spPr bwMode="gray">
          <a:xfrm>
            <a:off x="1368404" y="5681719"/>
            <a:ext cx="10542162" cy="40043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000" b="0" dirty="0">
              <a:solidFill>
                <a:schemeClr val="tx1"/>
              </a:solidFill>
            </a:endParaRPr>
          </a:p>
        </p:txBody>
      </p:sp>
      <p:sp>
        <p:nvSpPr>
          <p:cNvPr id="7" name="text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E5411FA-3269-4512-B9BC-F1FEB3A5DF4B}"/>
              </a:ext>
            </a:extLst>
          </p:cNvPr>
          <p:cNvSpPr txBox="1"/>
          <p:nvPr userDrawn="1"/>
        </p:nvSpPr>
        <p:spPr bwMode="gray">
          <a:xfrm>
            <a:off x="1365279" y="6639725"/>
            <a:ext cx="3431478" cy="15494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pl-PL" sz="930">
                <a:solidFill>
                  <a:schemeClr val="tx1"/>
                </a:solidFill>
              </a:rPr>
              <a:t>2020-07-30</a:t>
            </a:r>
            <a:endParaRPr lang="pl-PL" sz="930" dirty="0">
              <a:solidFill>
                <a:schemeClr val="tx1"/>
              </a:solidFill>
            </a:endParaRPr>
          </a:p>
        </p:txBody>
      </p:sp>
      <p:sp>
        <p:nvSpPr>
          <p:cNvPr id="21" name="Text Box 13">
            <a:extLst>
              <a:ext uri="{FF2B5EF4-FFF2-40B4-BE49-F238E27FC236}">
                <a16:creationId xmlns:a16="http://schemas.microsoft.com/office/drawing/2014/main" id="{67B318E7-F505-43BC-847E-0E04446BD2EE}"/>
              </a:ext>
            </a:extLst>
          </p:cNvPr>
          <p:cNvSpPr txBox="1">
            <a:spLocks noChangeArrowheads="1"/>
          </p:cNvSpPr>
          <p:nvPr userDrawn="1"/>
        </p:nvSpPr>
        <p:spPr bwMode="gray">
          <a:xfrm>
            <a:off x="1372422" y="6438755"/>
            <a:ext cx="3424335" cy="261610"/>
          </a:xfrm>
          <a:prstGeom prst="rect">
            <a:avLst/>
          </a:prstGeom>
          <a:noFill/>
          <a:ln w="25400">
            <a:noFill/>
            <a:miter lim="800000"/>
            <a:headEnd/>
            <a:tailEnd/>
          </a:ln>
        </p:spPr>
        <p:txBody>
          <a:bodyPr wrap="none" lIns="0" tIns="0" rIns="0" bIns="0">
            <a:noAutofit/>
          </a:bodyPr>
          <a:lstStyle/>
          <a:p>
            <a:pPr algn="ctr">
              <a:spcBef>
                <a:spcPct val="50000"/>
              </a:spcBef>
              <a:defRPr/>
            </a:pPr>
            <a:r>
              <a:rPr kumimoji="0" lang="en-US" altLang="ja-JP" sz="1170" b="1" dirty="0">
                <a:solidFill>
                  <a:schemeClr val="tx1"/>
                </a:solidFill>
                <a:latin typeface="Arial" charset="0"/>
                <a:ea typeface="Arial" pitchFamily="34" charset="0"/>
              </a:rPr>
              <a:t>POWERING GOOD FOR SUSTAINABLE ENERGY</a:t>
            </a:r>
          </a:p>
        </p:txBody>
      </p:sp>
      <p:pic>
        <p:nvPicPr>
          <p:cNvPr id="11" name="Confidential" hidden="1">
            <a:extLst>
              <a:ext uri="{FF2B5EF4-FFF2-40B4-BE49-F238E27FC236}">
                <a16:creationId xmlns:a16="http://schemas.microsoft.com/office/drawing/2014/main" id="{661966F3-7AA1-4EF4-BA95-02DF53D7AA6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12" name="Public" hidden="1">
            <a:extLst>
              <a:ext uri="{FF2B5EF4-FFF2-40B4-BE49-F238E27FC236}">
                <a16:creationId xmlns:a16="http://schemas.microsoft.com/office/drawing/2014/main" id="{FC73FBE7-E8DC-4480-8500-F5BA25F6A2CF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13" name="Internal">
            <a:extLst>
              <a:ext uri="{FF2B5EF4-FFF2-40B4-BE49-F238E27FC236}">
                <a16:creationId xmlns:a16="http://schemas.microsoft.com/office/drawing/2014/main" id="{2E032F33-734F-46C6-8307-54FF5447C0B3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14" name="Strictly" hidden="1">
            <a:extLst>
              <a:ext uri="{FF2B5EF4-FFF2-40B4-BE49-F238E27FC236}">
                <a16:creationId xmlns:a16="http://schemas.microsoft.com/office/drawing/2014/main" id="{4D95BBEA-FA4C-4CD5-95B2-87BE670FCBD3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70448575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CDA80729-DBFE-418B-9D52-CF6041D6EDC0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 bwMode="gray">
          <a:xfrm>
            <a:off x="263524" y="1473607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7E98820-E129-4E41-8580-1A0D210E0A2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6387" y="1473607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FCF04A61-9D23-473E-B05F-E1C2B3AB85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49249" y="1473607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id="{2FF70659-3D12-4399-BD53-03E120732342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256388" y="1844826"/>
            <a:ext cx="3672235" cy="381642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D980C96F-688C-4820-9207-E738CE6AFDCD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249250" y="1844826"/>
            <a:ext cx="3672235" cy="381642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054D3D82-4D02-426D-A4D3-ED7B4DB18F00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2235" cy="381642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FD79CCB4-AEE2-44DB-95E4-B439552C0F88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accent6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Picture Placeholder 24">
            <a:extLst>
              <a:ext uri="{FF2B5EF4-FFF2-40B4-BE49-F238E27FC236}">
                <a16:creationId xmlns:a16="http://schemas.microsoft.com/office/drawing/2014/main" id="{7DBFF71D-6E5A-4E22-A71E-F124F677DB39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264913" y="1361963"/>
            <a:ext cx="3672000" cy="28800"/>
          </a:xfrm>
          <a:solidFill>
            <a:schemeClr val="tx2"/>
          </a:solidFill>
          <a:ln>
            <a:noFill/>
          </a:ln>
        </p:spPr>
        <p:txBody>
          <a:bodyPr/>
          <a:lstStyle/>
          <a:p>
            <a:r>
              <a:rPr lang="en-US" dirty="0"/>
              <a:t>.</a:t>
            </a:r>
          </a:p>
        </p:txBody>
      </p:sp>
      <p:sp>
        <p:nvSpPr>
          <p:cNvPr id="21" name="Picture Placeholder 24">
            <a:extLst>
              <a:ext uri="{FF2B5EF4-FFF2-40B4-BE49-F238E27FC236}">
                <a16:creationId xmlns:a16="http://schemas.microsoft.com/office/drawing/2014/main" id="{622D4D59-27F3-4DDC-8FC5-C4ECD1D442DA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4256388" y="1361963"/>
            <a:ext cx="3672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4" name="Picture Placeholder 24">
            <a:extLst>
              <a:ext uri="{FF2B5EF4-FFF2-40B4-BE49-F238E27FC236}">
                <a16:creationId xmlns:a16="http://schemas.microsoft.com/office/drawing/2014/main" id="{DBC494C6-3B8F-4224-92F7-613D6D61555B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8249486" y="1361963"/>
            <a:ext cx="3672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A777474D-3C2D-44B6-91A4-4BD1D8ED9D1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5BE8BBD-8DA8-45AA-995A-9F149E50C0BC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2427244186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15F9CBB-E821-4E2F-A816-2A6B3BD027DC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3525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54879FBB-2471-4EEA-96E3-1852E452248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256389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C8A19E55-5FD1-41A7-9330-CBE422A2F98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249252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5" name="Text Placeholder 11">
            <a:extLst>
              <a:ext uri="{FF2B5EF4-FFF2-40B4-BE49-F238E27FC236}">
                <a16:creationId xmlns:a16="http://schemas.microsoft.com/office/drawing/2014/main" id="{6207F6BF-44C7-488D-ADCD-98805D32C39F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 bwMode="gray">
          <a:xfrm>
            <a:off x="267018" y="5902504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6" name="Text Placeholder 11">
            <a:extLst>
              <a:ext uri="{FF2B5EF4-FFF2-40B4-BE49-F238E27FC236}">
                <a16:creationId xmlns:a16="http://schemas.microsoft.com/office/drawing/2014/main" id="{DC9F35B5-C9B8-4D17-8513-69D23F7BF18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9881" y="5902504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endParaRPr lang="en-US" dirty="0"/>
          </a:p>
        </p:txBody>
      </p:sp>
      <p:sp>
        <p:nvSpPr>
          <p:cNvPr id="47" name="Text Placeholder 11">
            <a:extLst>
              <a:ext uri="{FF2B5EF4-FFF2-40B4-BE49-F238E27FC236}">
                <a16:creationId xmlns:a16="http://schemas.microsoft.com/office/drawing/2014/main" id="{D2E389A2-EF80-4B19-AFA8-B0AA653E44C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52743" y="5902504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2" name="Picture Placeholder 24">
            <a:extLst>
              <a:ext uri="{FF2B5EF4-FFF2-40B4-BE49-F238E27FC236}">
                <a16:creationId xmlns:a16="http://schemas.microsoft.com/office/drawing/2014/main" id="{A758364A-C806-4BA7-B792-DB90C9E819DB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264913" y="5789080"/>
            <a:ext cx="36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3" name="Picture Placeholder 24">
            <a:extLst>
              <a:ext uri="{FF2B5EF4-FFF2-40B4-BE49-F238E27FC236}">
                <a16:creationId xmlns:a16="http://schemas.microsoft.com/office/drawing/2014/main" id="{C4A23AB8-CD51-4058-8CC8-C01436097FCF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4256388" y="5789080"/>
            <a:ext cx="3672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.</a:t>
            </a:r>
          </a:p>
        </p:txBody>
      </p:sp>
      <p:sp>
        <p:nvSpPr>
          <p:cNvPr id="24" name="Picture Placeholder 24">
            <a:extLst>
              <a:ext uri="{FF2B5EF4-FFF2-40B4-BE49-F238E27FC236}">
                <a16:creationId xmlns:a16="http://schemas.microsoft.com/office/drawing/2014/main" id="{A1C057B5-5843-4C4F-8233-A70AE0C86453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8249486" y="5789080"/>
            <a:ext cx="3672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939DA7FE-EFD8-44FB-A789-66635C85AA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8271637-1CDA-43C0-AACC-D0B663F26B67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149011913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15F9CBB-E821-4E2F-A816-2A6B3BD027DC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3525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54879FBB-2471-4EEA-96E3-1852E452248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256389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C8A19E55-5FD1-41A7-9330-CBE422A2F98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249252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1" name="Picture Placeholder 3">
            <a:extLst>
              <a:ext uri="{FF2B5EF4-FFF2-40B4-BE49-F238E27FC236}">
                <a16:creationId xmlns:a16="http://schemas.microsoft.com/office/drawing/2014/main" id="{F40D1890-8040-4006-A3B9-446A3E6E0CF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263525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2" name="Picture Placeholder 3">
            <a:extLst>
              <a:ext uri="{FF2B5EF4-FFF2-40B4-BE49-F238E27FC236}">
                <a16:creationId xmlns:a16="http://schemas.microsoft.com/office/drawing/2014/main" id="{47177829-69B6-4B8D-AA32-306D7D789445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>
          <a:xfrm>
            <a:off x="4256389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3" name="Picture Placeholder 3">
            <a:extLst>
              <a:ext uri="{FF2B5EF4-FFF2-40B4-BE49-F238E27FC236}">
                <a16:creationId xmlns:a16="http://schemas.microsoft.com/office/drawing/2014/main" id="{D9296858-018B-48AE-96A4-CE6634F857C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8249252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14FDA7B6-0CB9-4801-8BCD-C533322EEF8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 bwMode="gray">
          <a:xfrm>
            <a:off x="267018" y="3234310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01E9159C-B757-487C-ACBC-90F7041B08B6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9881" y="3234310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689B320E-7199-4B9B-BBB6-BECC119A6105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 bwMode="gray">
          <a:xfrm>
            <a:off x="8252743" y="3234310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7" name="Text Placeholder 11">
            <a:extLst>
              <a:ext uri="{FF2B5EF4-FFF2-40B4-BE49-F238E27FC236}">
                <a16:creationId xmlns:a16="http://schemas.microsoft.com/office/drawing/2014/main" id="{4C194628-5843-4993-8645-21D277A5F84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67018" y="5974512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8" name="Text Placeholder 11">
            <a:extLst>
              <a:ext uri="{FF2B5EF4-FFF2-40B4-BE49-F238E27FC236}">
                <a16:creationId xmlns:a16="http://schemas.microsoft.com/office/drawing/2014/main" id="{01EBD6AF-BB8D-4CD7-89EF-691423556D1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4259881" y="5974512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9" name="Text Placeholder 11">
            <a:extLst>
              <a:ext uri="{FF2B5EF4-FFF2-40B4-BE49-F238E27FC236}">
                <a16:creationId xmlns:a16="http://schemas.microsoft.com/office/drawing/2014/main" id="{DBDC85D8-AC49-4BE9-9A89-F6EADB551C65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8252743" y="5974512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4" name="Picture Placeholder 24">
            <a:extLst>
              <a:ext uri="{FF2B5EF4-FFF2-40B4-BE49-F238E27FC236}">
                <a16:creationId xmlns:a16="http://schemas.microsoft.com/office/drawing/2014/main" id="{51A76A6F-9726-43A3-9939-6601AB2E5F93}"/>
              </a:ext>
            </a:extLst>
          </p:cNvPr>
          <p:cNvSpPr>
            <a:spLocks noGrp="1"/>
          </p:cNvSpPr>
          <p:nvPr>
            <p:ph type="pic" sz="quarter" idx="38" hasCustomPrompt="1"/>
          </p:nvPr>
        </p:nvSpPr>
        <p:spPr>
          <a:xfrm>
            <a:off x="264913" y="3123000"/>
            <a:ext cx="36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7" name="Picture Placeholder 24">
            <a:extLst>
              <a:ext uri="{FF2B5EF4-FFF2-40B4-BE49-F238E27FC236}">
                <a16:creationId xmlns:a16="http://schemas.microsoft.com/office/drawing/2014/main" id="{1F49639A-9F3A-42AB-A06C-443FC51AF4AE}"/>
              </a:ext>
            </a:extLst>
          </p:cNvPr>
          <p:cNvSpPr>
            <a:spLocks noGrp="1"/>
          </p:cNvSpPr>
          <p:nvPr>
            <p:ph type="pic" sz="quarter" idx="39" hasCustomPrompt="1"/>
          </p:nvPr>
        </p:nvSpPr>
        <p:spPr>
          <a:xfrm>
            <a:off x="4256388" y="3123000"/>
            <a:ext cx="3672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8" name="Picture Placeholder 24">
            <a:extLst>
              <a:ext uri="{FF2B5EF4-FFF2-40B4-BE49-F238E27FC236}">
                <a16:creationId xmlns:a16="http://schemas.microsoft.com/office/drawing/2014/main" id="{CE020488-ED30-4128-948F-1CB1B01F2572}"/>
              </a:ext>
            </a:extLst>
          </p:cNvPr>
          <p:cNvSpPr>
            <a:spLocks noGrp="1"/>
          </p:cNvSpPr>
          <p:nvPr>
            <p:ph type="pic" sz="quarter" idx="40" hasCustomPrompt="1"/>
          </p:nvPr>
        </p:nvSpPr>
        <p:spPr>
          <a:xfrm>
            <a:off x="8249486" y="3123000"/>
            <a:ext cx="3672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9" name="Picture Placeholder 24">
            <a:extLst>
              <a:ext uri="{FF2B5EF4-FFF2-40B4-BE49-F238E27FC236}">
                <a16:creationId xmlns:a16="http://schemas.microsoft.com/office/drawing/2014/main" id="{13189C19-C697-4452-8480-B4E0E6473F3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64913" y="5862872"/>
            <a:ext cx="36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30" name="Picture Placeholder 24">
            <a:extLst>
              <a:ext uri="{FF2B5EF4-FFF2-40B4-BE49-F238E27FC236}">
                <a16:creationId xmlns:a16="http://schemas.microsoft.com/office/drawing/2014/main" id="{616C27DF-7E43-44C8-9CAB-63853C36EA54}"/>
              </a:ext>
            </a:extLst>
          </p:cNvPr>
          <p:cNvSpPr>
            <a:spLocks noGrp="1"/>
          </p:cNvSpPr>
          <p:nvPr>
            <p:ph type="pic" sz="quarter" idx="42" hasCustomPrompt="1"/>
          </p:nvPr>
        </p:nvSpPr>
        <p:spPr>
          <a:xfrm>
            <a:off x="4256388" y="5862872"/>
            <a:ext cx="3672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34" name="Picture Placeholder 24">
            <a:extLst>
              <a:ext uri="{FF2B5EF4-FFF2-40B4-BE49-F238E27FC236}">
                <a16:creationId xmlns:a16="http://schemas.microsoft.com/office/drawing/2014/main" id="{4CE7327F-C0CB-4904-BC53-6EFE8960396B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8249486" y="5862872"/>
            <a:ext cx="3672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35" name="Title 1">
            <a:extLst>
              <a:ext uri="{FF2B5EF4-FFF2-40B4-BE49-F238E27FC236}">
                <a16:creationId xmlns:a16="http://schemas.microsoft.com/office/drawing/2014/main" id="{62076778-1C0B-4DF5-BED1-40F85B3978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8E18CAD8-34FD-4606-AC59-8AC5BDAFE843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3321497283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3B05BF5E-4371-47AB-A1FF-B10995CF2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985012"/>
            <a:ext cx="2952153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6C90D6E3-10FE-4F7A-9BC6-9EE50B88556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473599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316FDD13-2FD3-4BDC-92B0-6E2A4E622EE2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240301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8" name="Content Placeholder 3">
            <a:extLst>
              <a:ext uri="{FF2B5EF4-FFF2-40B4-BE49-F238E27FC236}">
                <a16:creationId xmlns:a16="http://schemas.microsoft.com/office/drawing/2014/main" id="{E2783D5F-0057-4639-BF27-31ED9E0868C1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844826"/>
            <a:ext cx="2952153" cy="100810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id="{B590CC18-1B6B-4861-868E-A6987D93954C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600531"/>
            <a:ext cx="2952153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1CBF013C-2857-4ABA-A4A4-FB2F2770E661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5362908"/>
            <a:ext cx="2952153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6DE9C61-D509-4314-B722-D4958D1B5C13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503712" y="1376172"/>
            <a:ext cx="8424763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B07CE416-A776-4B9B-869E-F13DCB2194D7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503712" y="3125397"/>
            <a:ext cx="842476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4" name="Content Placeholder 3">
            <a:extLst>
              <a:ext uri="{FF2B5EF4-FFF2-40B4-BE49-F238E27FC236}">
                <a16:creationId xmlns:a16="http://schemas.microsoft.com/office/drawing/2014/main" id="{768861B8-49F9-4E24-A37A-AC60CAABF377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503712" y="4887774"/>
            <a:ext cx="842476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Picture Placeholder 24">
            <a:extLst>
              <a:ext uri="{FF2B5EF4-FFF2-40B4-BE49-F238E27FC236}">
                <a16:creationId xmlns:a16="http://schemas.microsoft.com/office/drawing/2014/main" id="{8DF4088A-D2D3-4605-887F-33A4783C5A12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264913" y="1361963"/>
            <a:ext cx="295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3" name="Picture Placeholder 24">
            <a:extLst>
              <a:ext uri="{FF2B5EF4-FFF2-40B4-BE49-F238E27FC236}">
                <a16:creationId xmlns:a16="http://schemas.microsoft.com/office/drawing/2014/main" id="{4D8EAB64-B0D8-4204-AF23-B0B252CEE221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264913" y="3128036"/>
            <a:ext cx="2952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28F249F2-5D22-46BD-AC14-8717638F2AF5}"/>
              </a:ext>
            </a:extLst>
          </p:cNvPr>
          <p:cNvSpPr>
            <a:spLocks noGrp="1"/>
          </p:cNvSpPr>
          <p:nvPr>
            <p:ph type="pic" sz="quarter" idx="37" hasCustomPrompt="1"/>
          </p:nvPr>
        </p:nvSpPr>
        <p:spPr>
          <a:xfrm>
            <a:off x="264913" y="4873374"/>
            <a:ext cx="2952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82DFEC67-6E2A-46BD-A71B-DEDF2A482BD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9DB03339-E194-41DB-849E-EB7B3FCC4A6E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167920246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4EF52691-9CCC-4E90-9911-5B12BEE570C0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473599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6" name="Content Placeholder 3">
            <a:extLst>
              <a:ext uri="{FF2B5EF4-FFF2-40B4-BE49-F238E27FC236}">
                <a16:creationId xmlns:a16="http://schemas.microsoft.com/office/drawing/2014/main" id="{6BFE9AA9-753B-41E3-A0DD-DC664AD2E029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844826"/>
            <a:ext cx="2952153" cy="739879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9" name="Content Placeholder 3">
            <a:extLst>
              <a:ext uri="{FF2B5EF4-FFF2-40B4-BE49-F238E27FC236}">
                <a16:creationId xmlns:a16="http://schemas.microsoft.com/office/drawing/2014/main" id="{050C276D-2B61-40CC-9FA8-AE23FE1A7BF5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503712" y="1376172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8D141BDE-D9C9-41F9-8359-B351B85CDA1B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5" y="3001274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73465EF4-66D8-44A5-9800-552FABFF1AB5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361504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1C770F5A-E529-42AD-8C31-39184B9E3420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75973" y="4496041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F4DAC50B-76F8-4A8A-AECB-24981C653257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75973" y="4873937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5D891E61-D8AD-42D7-9D9D-031BF8EE4B4E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503712" y="2904037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35F881D5-BB6A-4F6C-80FC-64D9F2EE741B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3503712" y="4398803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D362199-6D4B-4B90-B6A1-5E71DFDDBBF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accent6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AA4F71B5-58F7-4B92-82F1-93C6E0549020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264913" y="1361963"/>
            <a:ext cx="295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7" name="Picture Placeholder 24">
            <a:extLst>
              <a:ext uri="{FF2B5EF4-FFF2-40B4-BE49-F238E27FC236}">
                <a16:creationId xmlns:a16="http://schemas.microsoft.com/office/drawing/2014/main" id="{C836F3E1-9D8C-4B54-824E-7375CF4BA92A}"/>
              </a:ext>
            </a:extLst>
          </p:cNvPr>
          <p:cNvSpPr>
            <a:spLocks noGrp="1"/>
          </p:cNvSpPr>
          <p:nvPr>
            <p:ph type="pic" sz="quarter" idx="37" hasCustomPrompt="1"/>
          </p:nvPr>
        </p:nvSpPr>
        <p:spPr>
          <a:xfrm>
            <a:off x="264913" y="2893044"/>
            <a:ext cx="2952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8" name="Picture Placeholder 24">
            <a:extLst>
              <a:ext uri="{FF2B5EF4-FFF2-40B4-BE49-F238E27FC236}">
                <a16:creationId xmlns:a16="http://schemas.microsoft.com/office/drawing/2014/main" id="{53373670-7791-4D09-BD6D-ACD3ED871CD0}"/>
              </a:ext>
            </a:extLst>
          </p:cNvPr>
          <p:cNvSpPr>
            <a:spLocks noGrp="1"/>
          </p:cNvSpPr>
          <p:nvPr>
            <p:ph type="pic" sz="quarter" idx="38" hasCustomPrompt="1"/>
          </p:nvPr>
        </p:nvSpPr>
        <p:spPr>
          <a:xfrm>
            <a:off x="264913" y="4384403"/>
            <a:ext cx="2952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A20A5915-B847-497E-8CE3-06F002BDFC2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051A70E3-E773-496E-9A5D-591B9BD7D0DA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322213649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4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9" name="Picture Placeholder 3">
            <a:extLst>
              <a:ext uri="{FF2B5EF4-FFF2-40B4-BE49-F238E27FC236}">
                <a16:creationId xmlns:a16="http://schemas.microsoft.com/office/drawing/2014/main" id="{EAD88574-00B8-4D9B-93EB-50F073EEE673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3489049" y="1376364"/>
            <a:ext cx="8437840" cy="4968873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200B697-7AE4-424E-83E6-544B82503EE9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80181" y="4985012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DC4BA68C-5B4C-4A6C-846E-96C50FE50D73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263525" y="1473599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5EDA259E-FC8F-43D1-B501-E3CEAB636702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240301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374300A6-D16D-4065-B7F9-8A14A4823F9B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844826"/>
            <a:ext cx="2952153" cy="100810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B7BF585E-C297-4501-AF84-9BD4BE063F94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3600531"/>
            <a:ext cx="2952153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24" name="Content Placeholder 3">
            <a:extLst>
              <a:ext uri="{FF2B5EF4-FFF2-40B4-BE49-F238E27FC236}">
                <a16:creationId xmlns:a16="http://schemas.microsoft.com/office/drawing/2014/main" id="{AB88D336-5640-4086-8C90-556FE2D9D99E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263525" y="5362908"/>
            <a:ext cx="2952153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6" name="Picture Placeholder 24">
            <a:extLst>
              <a:ext uri="{FF2B5EF4-FFF2-40B4-BE49-F238E27FC236}">
                <a16:creationId xmlns:a16="http://schemas.microsoft.com/office/drawing/2014/main" id="{3FBA737A-29A2-47D7-8B8D-D722DB4923A9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264913" y="1361963"/>
            <a:ext cx="295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18" name="Picture Placeholder 24">
            <a:extLst>
              <a:ext uri="{FF2B5EF4-FFF2-40B4-BE49-F238E27FC236}">
                <a16:creationId xmlns:a16="http://schemas.microsoft.com/office/drawing/2014/main" id="{4E7C1393-4C9A-4BA9-9221-45C673C9DEB0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264913" y="3128036"/>
            <a:ext cx="2952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30" name="Picture Placeholder 24">
            <a:extLst>
              <a:ext uri="{FF2B5EF4-FFF2-40B4-BE49-F238E27FC236}">
                <a16:creationId xmlns:a16="http://schemas.microsoft.com/office/drawing/2014/main" id="{19CC5E9F-D92F-41D4-B837-4C6B6DADFC81}"/>
              </a:ext>
            </a:extLst>
          </p:cNvPr>
          <p:cNvSpPr>
            <a:spLocks noGrp="1"/>
          </p:cNvSpPr>
          <p:nvPr>
            <p:ph type="pic" sz="quarter" idx="37" hasCustomPrompt="1"/>
          </p:nvPr>
        </p:nvSpPr>
        <p:spPr>
          <a:xfrm>
            <a:off x="264913" y="4873374"/>
            <a:ext cx="2952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AA928351-B87F-49BA-ACE8-AE4121245B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6809777C-5911-48A2-803C-E2CFEB57EE83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230201645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4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9CC6681E-BC33-4CAF-AFB3-EBB43BD322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3489049" y="1376364"/>
            <a:ext cx="8437840" cy="4264475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456FEF9-EFA3-4797-83EF-F48AA5968C8F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473599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418C37B3-FDA7-4582-A6B2-DF971CCAAD37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844826"/>
            <a:ext cx="2952153" cy="739879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73138666-4D60-430D-84CA-98923051AE97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5" y="3001274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4" name="Content Placeholder 3">
            <a:extLst>
              <a:ext uri="{FF2B5EF4-FFF2-40B4-BE49-F238E27FC236}">
                <a16:creationId xmlns:a16="http://schemas.microsoft.com/office/drawing/2014/main" id="{7F262DA2-6165-4B36-88C9-DAE3B63AD4F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361504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88847DCA-998F-4A45-800E-CAFE0984C32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75973" y="4496041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Content Placeholder 3">
            <a:extLst>
              <a:ext uri="{FF2B5EF4-FFF2-40B4-BE49-F238E27FC236}">
                <a16:creationId xmlns:a16="http://schemas.microsoft.com/office/drawing/2014/main" id="{C16325E6-C1F6-4393-A300-FB4F110973D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75973" y="4873937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F9EB9EBF-A7BC-402C-B3E0-262AB3649DD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accent6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2" name="Picture Placeholder 24">
            <a:extLst>
              <a:ext uri="{FF2B5EF4-FFF2-40B4-BE49-F238E27FC236}">
                <a16:creationId xmlns:a16="http://schemas.microsoft.com/office/drawing/2014/main" id="{F46F1FB5-199E-4A64-88F4-3FB8588CF0AF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264913" y="1361963"/>
            <a:ext cx="295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B1668C6F-DC3A-4749-8B7C-383DA1E147DE}"/>
              </a:ext>
            </a:extLst>
          </p:cNvPr>
          <p:cNvSpPr>
            <a:spLocks noGrp="1"/>
          </p:cNvSpPr>
          <p:nvPr>
            <p:ph type="pic" sz="quarter" idx="37" hasCustomPrompt="1"/>
          </p:nvPr>
        </p:nvSpPr>
        <p:spPr>
          <a:xfrm>
            <a:off x="264913" y="2893044"/>
            <a:ext cx="2952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8" name="Picture Placeholder 24">
            <a:extLst>
              <a:ext uri="{FF2B5EF4-FFF2-40B4-BE49-F238E27FC236}">
                <a16:creationId xmlns:a16="http://schemas.microsoft.com/office/drawing/2014/main" id="{9344FF73-CD20-4A20-A858-93DFA4F381D7}"/>
              </a:ext>
            </a:extLst>
          </p:cNvPr>
          <p:cNvSpPr>
            <a:spLocks noGrp="1"/>
          </p:cNvSpPr>
          <p:nvPr>
            <p:ph type="pic" sz="quarter" idx="38" hasCustomPrompt="1"/>
          </p:nvPr>
        </p:nvSpPr>
        <p:spPr>
          <a:xfrm>
            <a:off x="264913" y="4384403"/>
            <a:ext cx="2952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9" name="Title 1">
            <a:extLst>
              <a:ext uri="{FF2B5EF4-FFF2-40B4-BE49-F238E27FC236}">
                <a16:creationId xmlns:a16="http://schemas.microsoft.com/office/drawing/2014/main" id="{6F663D08-3767-42E7-8213-FF35A9ED0D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8667E8E8-4BBA-4A1F-9272-1350B47556E2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1391616972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3) &amp; Numbers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334276D4-69E8-479D-9F34-5E846D41D7C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4" y="3532205"/>
            <a:ext cx="352821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78A5E39-BD74-4E47-BCC6-1789A4ECF3F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4325749" y="3532205"/>
            <a:ext cx="352803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25E45DFB-3F74-413C-840C-C77358A01D7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381696" y="3532205"/>
            <a:ext cx="354677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12C3E05B-F4DE-48A5-96D0-3C4010D5B8F8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325750" y="3903424"/>
            <a:ext cx="3528034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32C4B7D-BBBD-47FD-B2B2-17406547E1D4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381697" y="3903424"/>
            <a:ext cx="3546779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991CCDC2-331B-485D-A908-198D803BF9B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4" y="3903424"/>
            <a:ext cx="3528219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7" name="Content Placeholder 6">
            <a:extLst>
              <a:ext uri="{FF2B5EF4-FFF2-40B4-BE49-F238E27FC236}">
                <a16:creationId xmlns:a16="http://schemas.microsoft.com/office/drawing/2014/main" id="{FF461397-9E3E-4AF0-993E-CDCD014A8749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28" name="Content Placeholder 6">
            <a:extLst>
              <a:ext uri="{FF2B5EF4-FFF2-40B4-BE49-F238E27FC236}">
                <a16:creationId xmlns:a16="http://schemas.microsoft.com/office/drawing/2014/main" id="{A6A7DFB3-349A-4DAD-B217-CF4EC389CA56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432556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29" name="Content Placeholder 6">
            <a:extLst>
              <a:ext uri="{FF2B5EF4-FFF2-40B4-BE49-F238E27FC236}">
                <a16:creationId xmlns:a16="http://schemas.microsoft.com/office/drawing/2014/main" id="{8F31884C-A4A7-4688-ACCF-FD03ED05AA24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8381692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22" name="Picture Placeholder 24">
            <a:extLst>
              <a:ext uri="{FF2B5EF4-FFF2-40B4-BE49-F238E27FC236}">
                <a16:creationId xmlns:a16="http://schemas.microsoft.com/office/drawing/2014/main" id="{AC344F38-9189-4DF0-B7AA-36D855DF2664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264913" y="3416161"/>
            <a:ext cx="3528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3" name="Picture Placeholder 24">
            <a:extLst>
              <a:ext uri="{FF2B5EF4-FFF2-40B4-BE49-F238E27FC236}">
                <a16:creationId xmlns:a16="http://schemas.microsoft.com/office/drawing/2014/main" id="{88A8D72B-481C-4915-BDD5-84F33CD0D326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4325785" y="3416161"/>
            <a:ext cx="3528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4" name="Picture Placeholder 24">
            <a:extLst>
              <a:ext uri="{FF2B5EF4-FFF2-40B4-BE49-F238E27FC236}">
                <a16:creationId xmlns:a16="http://schemas.microsoft.com/office/drawing/2014/main" id="{A1BCB47C-BD27-4922-A21C-D0A18902CEE2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8400475" y="3416161"/>
            <a:ext cx="3528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5A74342C-ADC8-4817-82CE-5162113198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FB2ADC8B-0840-412C-9EF7-4083C01225C8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2283235262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4) &amp; Content (4) &amp; Numbers (4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D1D57BDC-6E92-486A-AE2C-5DDC13E1D23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263525" y="3532205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02392784-44EE-4314-84BD-B868C1661DD3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3903424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3D96C7B1-1BCB-4F43-BFC8-1399F3D135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3251841" y="3532205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id="{CDAC2527-DFB4-4638-8DCD-E04B936CE13D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51841" y="3903424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B5DAA13-2760-45CC-A6EC-7BEB802406F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6240158" y="3532205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8E59A62E-84C3-48BA-868C-E3454A6916E1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6240158" y="3903424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9BBCBA5-D7D9-4D52-8F30-668C4D95A73A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9228475" y="3532205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8" name="Content Placeholder 3">
            <a:extLst>
              <a:ext uri="{FF2B5EF4-FFF2-40B4-BE49-F238E27FC236}">
                <a16:creationId xmlns:a16="http://schemas.microsoft.com/office/drawing/2014/main" id="{F2921E8B-05BF-434D-A65F-66946D72EAE7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9228475" y="3903424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0" name="Content Placeholder 6">
            <a:extLst>
              <a:ext uri="{FF2B5EF4-FFF2-40B4-BE49-F238E27FC236}">
                <a16:creationId xmlns:a16="http://schemas.microsoft.com/office/drawing/2014/main" id="{D4A65557-9CD2-406D-8B52-6943070AE0A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325184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39" name="Content Placeholder 6">
            <a:extLst>
              <a:ext uri="{FF2B5EF4-FFF2-40B4-BE49-F238E27FC236}">
                <a16:creationId xmlns:a16="http://schemas.microsoft.com/office/drawing/2014/main" id="{018F2D4F-C26A-4C5E-A29A-571528EABD05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624015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id="{6F08678E-73C5-4F03-9E09-85D20BD9B99F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42" name="Content Placeholder 6">
            <a:extLst>
              <a:ext uri="{FF2B5EF4-FFF2-40B4-BE49-F238E27FC236}">
                <a16:creationId xmlns:a16="http://schemas.microsoft.com/office/drawing/2014/main" id="{38A6D437-EBE7-487A-A3B0-DE8D773F65CB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22847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4.</a:t>
            </a:r>
          </a:p>
        </p:txBody>
      </p:sp>
      <p:sp>
        <p:nvSpPr>
          <p:cNvPr id="22" name="Picture Placeholder 24">
            <a:extLst>
              <a:ext uri="{FF2B5EF4-FFF2-40B4-BE49-F238E27FC236}">
                <a16:creationId xmlns:a16="http://schemas.microsoft.com/office/drawing/2014/main" id="{296EF94D-388C-4665-A879-39D6F7DC9D27}"/>
              </a:ext>
            </a:extLst>
          </p:cNvPr>
          <p:cNvSpPr>
            <a:spLocks noGrp="1"/>
          </p:cNvSpPr>
          <p:nvPr>
            <p:ph type="pic" sz="quarter" idx="47" hasCustomPrompt="1"/>
          </p:nvPr>
        </p:nvSpPr>
        <p:spPr>
          <a:xfrm>
            <a:off x="264913" y="3416161"/>
            <a:ext cx="2700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C64195CF-267F-41D7-B6B2-0AB7B5AC3077}"/>
              </a:ext>
            </a:extLst>
          </p:cNvPr>
          <p:cNvSpPr>
            <a:spLocks noGrp="1"/>
          </p:cNvSpPr>
          <p:nvPr>
            <p:ph type="pic" sz="quarter" idx="48" hasCustomPrompt="1"/>
          </p:nvPr>
        </p:nvSpPr>
        <p:spPr>
          <a:xfrm>
            <a:off x="3252767" y="3416161"/>
            <a:ext cx="2700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9" name="Picture Placeholder 24">
            <a:extLst>
              <a:ext uri="{FF2B5EF4-FFF2-40B4-BE49-F238E27FC236}">
                <a16:creationId xmlns:a16="http://schemas.microsoft.com/office/drawing/2014/main" id="{6A6F9F34-D8F3-431A-AEF8-83B51A0E743A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40621" y="3416161"/>
            <a:ext cx="2700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40" name="Picture Placeholder 24">
            <a:extLst>
              <a:ext uri="{FF2B5EF4-FFF2-40B4-BE49-F238E27FC236}">
                <a16:creationId xmlns:a16="http://schemas.microsoft.com/office/drawing/2014/main" id="{02A1C442-43C5-493B-90AD-3182C4447FAB}"/>
              </a:ext>
            </a:extLst>
          </p:cNvPr>
          <p:cNvSpPr>
            <a:spLocks noGrp="1"/>
          </p:cNvSpPr>
          <p:nvPr>
            <p:ph type="pic" sz="quarter" idx="50" hasCustomPrompt="1"/>
          </p:nvPr>
        </p:nvSpPr>
        <p:spPr>
          <a:xfrm>
            <a:off x="9228475" y="3416161"/>
            <a:ext cx="2700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4" name="Title 1">
            <a:extLst>
              <a:ext uri="{FF2B5EF4-FFF2-40B4-BE49-F238E27FC236}">
                <a16:creationId xmlns:a16="http://schemas.microsoft.com/office/drawing/2014/main" id="{9F5DB350-91E1-4DA9-BF69-38FC41505E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4CD2498-8C02-4783-9BC4-21C0A5585CB2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18378814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 &amp; Numbers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B36A58-C548-4E9E-85C3-DEB5102C513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87157" y="4985012"/>
            <a:ext cx="1868031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A8E13FBB-E82B-48DF-885F-E6FC647B2E9F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BEE4DB48-EE10-4614-9031-A00AE1B5E196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70499" y="3240301"/>
            <a:ext cx="1878631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id="{65119589-6F57-4A69-9736-D33271CF00E2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1770502" y="1844826"/>
            <a:ext cx="1878630" cy="100810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id="{628A1FB3-6503-43D5-9169-34BFEED09C8F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1770502" y="3600531"/>
            <a:ext cx="1878630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1C5AA962-6BDD-4F47-9221-9D1520C30F36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1770502" y="5362908"/>
            <a:ext cx="1878630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 marL="0" indent="0">
              <a:lnSpc>
                <a:spcPct val="100000"/>
              </a:lnSpc>
              <a:spcBef>
                <a:spcPts val="600"/>
              </a:spcBef>
              <a:buNone/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48" name="Content Placeholder 3">
            <a:extLst>
              <a:ext uri="{FF2B5EF4-FFF2-40B4-BE49-F238E27FC236}">
                <a16:creationId xmlns:a16="http://schemas.microsoft.com/office/drawing/2014/main" id="{2F992E05-4AC2-4005-9AA5-948676B96ADD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921690" y="1376172"/>
            <a:ext cx="8006785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9" name="Content Placeholder 3">
            <a:extLst>
              <a:ext uri="{FF2B5EF4-FFF2-40B4-BE49-F238E27FC236}">
                <a16:creationId xmlns:a16="http://schemas.microsoft.com/office/drawing/2014/main" id="{C7D8B73D-DFFB-4564-9913-1F4A91652E6B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921690" y="3125397"/>
            <a:ext cx="8006785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0" name="Content Placeholder 3">
            <a:extLst>
              <a:ext uri="{FF2B5EF4-FFF2-40B4-BE49-F238E27FC236}">
                <a16:creationId xmlns:a16="http://schemas.microsoft.com/office/drawing/2014/main" id="{26FC5483-9CF4-4306-8EF5-D9A805A0E36F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921690" y="4887774"/>
            <a:ext cx="8006785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8" name="Content Placeholder 6">
            <a:extLst>
              <a:ext uri="{FF2B5EF4-FFF2-40B4-BE49-F238E27FC236}">
                <a16:creationId xmlns:a16="http://schemas.microsoft.com/office/drawing/2014/main" id="{DCC4896F-69DF-4D11-A491-DA33D9164972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40" name="Content Placeholder 6">
            <a:extLst>
              <a:ext uri="{FF2B5EF4-FFF2-40B4-BE49-F238E27FC236}">
                <a16:creationId xmlns:a16="http://schemas.microsoft.com/office/drawing/2014/main" id="{5A29EB00-5838-45B7-BA3A-198B03500529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3132069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id="{FC50032A-194E-4086-A0FB-0D581FA9C5E7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88777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43" name="Picture Placeholder 24">
            <a:extLst>
              <a:ext uri="{FF2B5EF4-FFF2-40B4-BE49-F238E27FC236}">
                <a16:creationId xmlns:a16="http://schemas.microsoft.com/office/drawing/2014/main" id="{335E44AA-B43E-4F52-814F-98C557DA0881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1777133" y="1361963"/>
            <a:ext cx="18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44" name="Picture Placeholder 24">
            <a:extLst>
              <a:ext uri="{FF2B5EF4-FFF2-40B4-BE49-F238E27FC236}">
                <a16:creationId xmlns:a16="http://schemas.microsoft.com/office/drawing/2014/main" id="{F0C6338A-A71B-4CAC-AF5B-74478A59D15D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1777133" y="3128036"/>
            <a:ext cx="1872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45" name="Picture Placeholder 24">
            <a:extLst>
              <a:ext uri="{FF2B5EF4-FFF2-40B4-BE49-F238E27FC236}">
                <a16:creationId xmlns:a16="http://schemas.microsoft.com/office/drawing/2014/main" id="{2C43BC57-4FA2-4A87-9028-F10631A3AE13}"/>
              </a:ext>
            </a:extLst>
          </p:cNvPr>
          <p:cNvSpPr>
            <a:spLocks noGrp="1"/>
          </p:cNvSpPr>
          <p:nvPr>
            <p:ph type="pic" sz="quarter" idx="37" hasCustomPrompt="1"/>
          </p:nvPr>
        </p:nvSpPr>
        <p:spPr>
          <a:xfrm>
            <a:off x="1777133" y="4873374"/>
            <a:ext cx="1872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69A314F6-1FEB-4F11-806C-E3D4AD539CE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03E06BB2-0B17-4D61-8854-91B28E71D3A9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330307552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able of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BD04DA-BB47-4750-8A44-88B15E82698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598907" y="1990949"/>
            <a:ext cx="8815185" cy="494203"/>
          </a:xfrm>
        </p:spPr>
        <p:txBody>
          <a:bodyPr anchor="t"/>
          <a:lstStyle>
            <a:lvl1pPr algn="l">
              <a:defRPr sz="3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able of Contents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77D401E-C526-460A-93D8-F3AC71E516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598907" y="3238500"/>
            <a:ext cx="8815185" cy="3106738"/>
          </a:xfrm>
        </p:spPr>
        <p:txBody>
          <a:bodyPr tIns="0"/>
          <a:lstStyle>
            <a:lvl1pPr marL="457200" marR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 sz="2000" b="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ample text</a:t>
            </a:r>
          </a:p>
          <a:p>
            <a:r>
              <a:rPr lang="en-US" dirty="0"/>
              <a:t>Sample text</a:t>
            </a:r>
          </a:p>
          <a:p>
            <a:r>
              <a:rPr lang="en-US" dirty="0"/>
              <a:t>Sample text</a:t>
            </a:r>
          </a:p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C335698-AD40-4284-9146-56895C1663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accent4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3815D6C-0C71-4C18-998E-2E308A2ABC6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8" name="グループ化 39">
            <a:extLst>
              <a:ext uri="{FF2B5EF4-FFF2-40B4-BE49-F238E27FC236}">
                <a16:creationId xmlns:a16="http://schemas.microsoft.com/office/drawing/2014/main" id="{B3FFABD1-269F-4846-BFA7-64B93DCEC6FF}"/>
              </a:ext>
            </a:extLst>
          </p:cNvPr>
          <p:cNvGrpSpPr/>
          <p:nvPr userDrawn="1"/>
        </p:nvGrpSpPr>
        <p:grpSpPr bwMode="gray">
          <a:xfrm>
            <a:off x="263526" y="2708310"/>
            <a:ext cx="11664950" cy="129984"/>
            <a:chOff x="324487" y="2057426"/>
            <a:chExt cx="8495663" cy="97488"/>
          </a:xfrm>
        </p:grpSpPr>
        <p:sp>
          <p:nvSpPr>
            <p:cNvPr id="9" name="正方形/長方形 11">
              <a:extLst>
                <a:ext uri="{FF2B5EF4-FFF2-40B4-BE49-F238E27FC236}">
                  <a16:creationId xmlns:a16="http://schemas.microsoft.com/office/drawing/2014/main" id="{4E3F898B-5217-45A3-AF93-4EDA063B5749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 dirty="0"/>
            </a:p>
          </p:txBody>
        </p:sp>
        <p:grpSp>
          <p:nvGrpSpPr>
            <p:cNvPr id="10" name="グループ化 16">
              <a:extLst>
                <a:ext uri="{FF2B5EF4-FFF2-40B4-BE49-F238E27FC236}">
                  <a16:creationId xmlns:a16="http://schemas.microsoft.com/office/drawing/2014/main" id="{CEAA1F3A-29E0-4030-B5D2-D5DBBF92BB2E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1" name="正方形/長方形 42">
                <a:extLst>
                  <a:ext uri="{FF2B5EF4-FFF2-40B4-BE49-F238E27FC236}">
                    <a16:creationId xmlns:a16="http://schemas.microsoft.com/office/drawing/2014/main" id="{6DDE0990-A36E-471E-933F-CBBD7D5F100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12" name="正方形/長方形 43">
                <a:extLst>
                  <a:ext uri="{FF2B5EF4-FFF2-40B4-BE49-F238E27FC236}">
                    <a16:creationId xmlns:a16="http://schemas.microsoft.com/office/drawing/2014/main" id="{CCC91D33-C000-46EE-8043-68A33CD8C5C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13" name="Graphic 12">
            <a:extLst>
              <a:ext uri="{FF2B5EF4-FFF2-40B4-BE49-F238E27FC236}">
                <a16:creationId xmlns:a16="http://schemas.microsoft.com/office/drawing/2014/main" id="{5FE3BFDD-994B-4A75-934D-9FE05C5D6B9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101664" y="41555"/>
            <a:ext cx="4054618" cy="962688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AD36A26B-CDD1-4B69-AB11-52CDEC80C946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  <p:sp>
        <p:nvSpPr>
          <p:cNvPr id="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A2D70D5A-D748-4762-809E-3346AFAD87A3}"/>
              </a:ext>
            </a:extLst>
          </p:cNvPr>
          <p:cNvSpPr txBox="1"/>
          <p:nvPr userDrawn="1"/>
        </p:nvSpPr>
        <p:spPr bwMode="gray">
          <a:xfrm>
            <a:off x="9384507" y="6604001"/>
            <a:ext cx="2160000" cy="2244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30" b="0" i="0" u="none" strike="noStrike" kern="1200" cap="none" spc="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Hitachi ABB Power Grids 2020. All rights reserved</a:t>
            </a:r>
            <a:endParaRPr kumimoji="0" lang="en-US" sz="73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5328943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3) &amp; Numbers (3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2" name="Text Placeholder 11">
            <a:extLst>
              <a:ext uri="{FF2B5EF4-FFF2-40B4-BE49-F238E27FC236}">
                <a16:creationId xmlns:a16="http://schemas.microsoft.com/office/drawing/2014/main" id="{3A565005-F6E5-4BD3-9F5B-6AF58E8DE816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111" name="Text Placeholder 11">
            <a:extLst>
              <a:ext uri="{FF2B5EF4-FFF2-40B4-BE49-F238E27FC236}">
                <a16:creationId xmlns:a16="http://schemas.microsoft.com/office/drawing/2014/main" id="{E6444A91-ACC7-4CF8-9946-617E2C1A7C33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77130" y="2972161"/>
            <a:ext cx="1872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114" name="Text Placeholder 11">
            <a:extLst>
              <a:ext uri="{FF2B5EF4-FFF2-40B4-BE49-F238E27FC236}">
                <a16:creationId xmlns:a16="http://schemas.microsoft.com/office/drawing/2014/main" id="{F9466146-4718-4169-BEFC-27BB664EE8E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75520" y="4400322"/>
            <a:ext cx="1872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accent4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117" name="Content Placeholder 3">
            <a:extLst>
              <a:ext uri="{FF2B5EF4-FFF2-40B4-BE49-F238E27FC236}">
                <a16:creationId xmlns:a16="http://schemas.microsoft.com/office/drawing/2014/main" id="{D0BB9BD1-AFA8-4777-BD7E-03C05346F0B8}"/>
              </a:ext>
            </a:extLst>
          </p:cNvPr>
          <p:cNvSpPr>
            <a:spLocks noGrp="1"/>
          </p:cNvSpPr>
          <p:nvPr>
            <p:ph sz="quarter" idx="38"/>
          </p:nvPr>
        </p:nvSpPr>
        <p:spPr bwMode="gray">
          <a:xfrm>
            <a:off x="3921690" y="1376363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8" name="Content Placeholder 3">
            <a:extLst>
              <a:ext uri="{FF2B5EF4-FFF2-40B4-BE49-F238E27FC236}">
                <a16:creationId xmlns:a16="http://schemas.microsoft.com/office/drawing/2014/main" id="{2F46FA40-89ED-483D-B576-C0B7126B3D16}"/>
              </a:ext>
            </a:extLst>
          </p:cNvPr>
          <p:cNvSpPr>
            <a:spLocks noGrp="1"/>
          </p:cNvSpPr>
          <p:nvPr>
            <p:ph sz="quarter" idx="39"/>
          </p:nvPr>
        </p:nvSpPr>
        <p:spPr bwMode="gray">
          <a:xfrm>
            <a:off x="3921690" y="2863928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9" name="Content Placeholder 3">
            <a:extLst>
              <a:ext uri="{FF2B5EF4-FFF2-40B4-BE49-F238E27FC236}">
                <a16:creationId xmlns:a16="http://schemas.microsoft.com/office/drawing/2014/main" id="{D940D62B-2E1F-4339-B9F3-000831E52417}"/>
              </a:ext>
            </a:extLst>
          </p:cNvPr>
          <p:cNvSpPr>
            <a:spLocks noGrp="1"/>
          </p:cNvSpPr>
          <p:nvPr>
            <p:ph sz="quarter" idx="40"/>
          </p:nvPr>
        </p:nvSpPr>
        <p:spPr bwMode="gray">
          <a:xfrm>
            <a:off x="3921690" y="4303084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3" name="Content Placeholder 6">
            <a:extLst>
              <a:ext uri="{FF2B5EF4-FFF2-40B4-BE49-F238E27FC236}">
                <a16:creationId xmlns:a16="http://schemas.microsoft.com/office/drawing/2014/main" id="{00B1F805-6796-4988-BDAC-995B3E05D34F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24" name="Content Placeholder 6">
            <a:extLst>
              <a:ext uri="{FF2B5EF4-FFF2-40B4-BE49-F238E27FC236}">
                <a16:creationId xmlns:a16="http://schemas.microsoft.com/office/drawing/2014/main" id="{8D88CFA7-09AB-4767-BF53-0124083462A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2863928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25" name="Content Placeholder 6">
            <a:extLst>
              <a:ext uri="{FF2B5EF4-FFF2-40B4-BE49-F238E27FC236}">
                <a16:creationId xmlns:a16="http://schemas.microsoft.com/office/drawing/2014/main" id="{019348E2-113B-47F8-A86B-A5A55F501F79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30308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DD44EDD3-36EC-41BB-85BC-E402BF43896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accent6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Picture Placeholder 24">
            <a:extLst>
              <a:ext uri="{FF2B5EF4-FFF2-40B4-BE49-F238E27FC236}">
                <a16:creationId xmlns:a16="http://schemas.microsoft.com/office/drawing/2014/main" id="{432CA99F-AD39-4BEA-9808-5AF5E8DCD97E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1777133" y="1361963"/>
            <a:ext cx="18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8" name="Picture Placeholder 24">
            <a:extLst>
              <a:ext uri="{FF2B5EF4-FFF2-40B4-BE49-F238E27FC236}">
                <a16:creationId xmlns:a16="http://schemas.microsoft.com/office/drawing/2014/main" id="{48BB02C5-247F-42F1-96D2-25DBA425D172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1777133" y="2849528"/>
            <a:ext cx="1872000" cy="28800"/>
          </a:xfrm>
          <a:solidFill>
            <a:schemeClr val="tx1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9" name="Picture Placeholder 24">
            <a:extLst>
              <a:ext uri="{FF2B5EF4-FFF2-40B4-BE49-F238E27FC236}">
                <a16:creationId xmlns:a16="http://schemas.microsoft.com/office/drawing/2014/main" id="{835005D8-4397-48A4-8DEE-0653C485F523}"/>
              </a:ext>
            </a:extLst>
          </p:cNvPr>
          <p:cNvSpPr>
            <a:spLocks noGrp="1"/>
          </p:cNvSpPr>
          <p:nvPr>
            <p:ph type="pic" sz="quarter" idx="37" hasCustomPrompt="1"/>
          </p:nvPr>
        </p:nvSpPr>
        <p:spPr>
          <a:xfrm>
            <a:off x="1777133" y="4290642"/>
            <a:ext cx="1872000" cy="28800"/>
          </a:xfrm>
          <a:solidFill>
            <a:schemeClr val="accent4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FBC9DADF-2DD6-49C8-B226-2EAE5C8E7E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77463CE8-CEC7-491B-AEE7-C626E86D052E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1770502" y="1844826"/>
            <a:ext cx="1878630" cy="82583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5E70668A-DC62-457E-BA02-26C28D66D89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1770502" y="3341643"/>
            <a:ext cx="1878630" cy="81484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id="{203BC8E2-0A65-4017-BFCD-76D59EB45FE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1770502" y="4767561"/>
            <a:ext cx="1878630" cy="827341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 marL="0" indent="0">
              <a:lnSpc>
                <a:spcPct val="100000"/>
              </a:lnSpc>
              <a:spcBef>
                <a:spcPts val="600"/>
              </a:spcBef>
              <a:buNone/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C658819D-4785-4A7D-89CC-5723A1AC2FA8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1633581877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4.1) &amp; Content (4.1) &amp; Numbers (4.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BF68FEBD-BEFC-4726-874B-6289F0616A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092CBB90-B3D5-45EB-A5C7-4055E1FF503F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 bwMode="gray">
          <a:xfrm>
            <a:off x="1770501" y="280537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728B220A-6603-4016-8181-30353C6AE4C9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 bwMode="gray">
          <a:xfrm>
            <a:off x="1770501" y="4122968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30EC2DD-1F4A-4356-9646-C28E53D7970A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 bwMode="gray">
          <a:xfrm>
            <a:off x="1770501" y="5443614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49" name="Content Placeholder 3">
            <a:extLst>
              <a:ext uri="{FF2B5EF4-FFF2-40B4-BE49-F238E27FC236}">
                <a16:creationId xmlns:a16="http://schemas.microsoft.com/office/drawing/2014/main" id="{CFBBB2FF-A24B-4F09-BA72-DC718D4331B3}"/>
              </a:ext>
            </a:extLst>
          </p:cNvPr>
          <p:cNvSpPr>
            <a:spLocks noGrp="1"/>
          </p:cNvSpPr>
          <p:nvPr>
            <p:ph sz="quarter" idx="38"/>
          </p:nvPr>
        </p:nvSpPr>
        <p:spPr bwMode="gray">
          <a:xfrm>
            <a:off x="3921690" y="2705088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0" name="Content Placeholder 3">
            <a:extLst>
              <a:ext uri="{FF2B5EF4-FFF2-40B4-BE49-F238E27FC236}">
                <a16:creationId xmlns:a16="http://schemas.microsoft.com/office/drawing/2014/main" id="{CB993417-83D5-41F8-BAF9-2986F007C1C6}"/>
              </a:ext>
            </a:extLst>
          </p:cNvPr>
          <p:cNvSpPr>
            <a:spLocks noGrp="1"/>
          </p:cNvSpPr>
          <p:nvPr>
            <p:ph sz="quarter" idx="45"/>
          </p:nvPr>
        </p:nvSpPr>
        <p:spPr bwMode="gray">
          <a:xfrm>
            <a:off x="3921690" y="1376363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1" name="Content Placeholder 3">
            <a:extLst>
              <a:ext uri="{FF2B5EF4-FFF2-40B4-BE49-F238E27FC236}">
                <a16:creationId xmlns:a16="http://schemas.microsoft.com/office/drawing/2014/main" id="{8152D743-82D2-45BC-9D72-C38ED8D00974}"/>
              </a:ext>
            </a:extLst>
          </p:cNvPr>
          <p:cNvSpPr>
            <a:spLocks noGrp="1"/>
          </p:cNvSpPr>
          <p:nvPr>
            <p:ph sz="quarter" idx="46"/>
          </p:nvPr>
        </p:nvSpPr>
        <p:spPr bwMode="gray">
          <a:xfrm>
            <a:off x="3921690" y="4025732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2" name="Content Placeholder 3">
            <a:extLst>
              <a:ext uri="{FF2B5EF4-FFF2-40B4-BE49-F238E27FC236}">
                <a16:creationId xmlns:a16="http://schemas.microsoft.com/office/drawing/2014/main" id="{9C85D89A-0FCA-434E-8A47-ABFF684F433A}"/>
              </a:ext>
            </a:extLst>
          </p:cNvPr>
          <p:cNvSpPr>
            <a:spLocks noGrp="1"/>
          </p:cNvSpPr>
          <p:nvPr>
            <p:ph sz="quarter" idx="47"/>
          </p:nvPr>
        </p:nvSpPr>
        <p:spPr bwMode="gray">
          <a:xfrm>
            <a:off x="3921690" y="5346378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8" name="Content Placeholder 6">
            <a:extLst>
              <a:ext uri="{FF2B5EF4-FFF2-40B4-BE49-F238E27FC236}">
                <a16:creationId xmlns:a16="http://schemas.microsoft.com/office/drawing/2014/main" id="{287FBD57-6702-4F91-B717-C913C186C628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63526" y="2699701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39" name="Content Placeholder 6">
            <a:extLst>
              <a:ext uri="{FF2B5EF4-FFF2-40B4-BE49-F238E27FC236}">
                <a16:creationId xmlns:a16="http://schemas.microsoft.com/office/drawing/2014/main" id="{D3A403B4-1233-48D9-939E-539F1DEE6C17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263526" y="4022931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40" name="Content Placeholder 6">
            <a:extLst>
              <a:ext uri="{FF2B5EF4-FFF2-40B4-BE49-F238E27FC236}">
                <a16:creationId xmlns:a16="http://schemas.microsoft.com/office/drawing/2014/main" id="{2D403FEE-1DE0-489E-93AD-696B7F46C4D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id="{DA07BDAE-41C2-4483-8E4F-05FBB75EBBCB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263526" y="5346378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accent5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4.</a:t>
            </a:r>
          </a:p>
        </p:txBody>
      </p:sp>
      <p:sp>
        <p:nvSpPr>
          <p:cNvPr id="23" name="Picture Placeholder 24">
            <a:extLst>
              <a:ext uri="{FF2B5EF4-FFF2-40B4-BE49-F238E27FC236}">
                <a16:creationId xmlns:a16="http://schemas.microsoft.com/office/drawing/2014/main" id="{9891764E-CA93-43B4-92B2-04BD3529E43B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1777133" y="1361963"/>
            <a:ext cx="18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4" name="Picture Placeholder 24">
            <a:extLst>
              <a:ext uri="{FF2B5EF4-FFF2-40B4-BE49-F238E27FC236}">
                <a16:creationId xmlns:a16="http://schemas.microsoft.com/office/drawing/2014/main" id="{F690778B-11FF-476E-83BE-8C3E33FD358F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1777133" y="2692249"/>
            <a:ext cx="18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D67C2078-D977-4C03-9B15-669128D5E497}"/>
              </a:ext>
            </a:extLst>
          </p:cNvPr>
          <p:cNvSpPr>
            <a:spLocks noGrp="1"/>
          </p:cNvSpPr>
          <p:nvPr>
            <p:ph type="pic" sz="quarter" idx="37" hasCustomPrompt="1"/>
          </p:nvPr>
        </p:nvSpPr>
        <p:spPr>
          <a:xfrm>
            <a:off x="1777133" y="4008639"/>
            <a:ext cx="18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7" name="Picture Placeholder 24">
            <a:extLst>
              <a:ext uri="{FF2B5EF4-FFF2-40B4-BE49-F238E27FC236}">
                <a16:creationId xmlns:a16="http://schemas.microsoft.com/office/drawing/2014/main" id="{E3E0D943-04F8-460D-85BF-6F7B0324D96B}"/>
              </a:ext>
            </a:extLst>
          </p:cNvPr>
          <p:cNvSpPr>
            <a:spLocks noGrp="1"/>
          </p:cNvSpPr>
          <p:nvPr>
            <p:ph type="pic" sz="quarter" idx="52" hasCustomPrompt="1"/>
          </p:nvPr>
        </p:nvSpPr>
        <p:spPr>
          <a:xfrm>
            <a:off x="1777133" y="5331978"/>
            <a:ext cx="1872000" cy="28800"/>
          </a:xfrm>
          <a:solidFill>
            <a:schemeClr val="tx2"/>
          </a:solidFill>
          <a:ln>
            <a:noFill/>
          </a:ln>
        </p:spPr>
        <p:txBody>
          <a:bodyPr/>
          <a:lstStyle>
            <a:lvl1pPr>
              <a:defRPr sz="100"/>
            </a:lvl1pPr>
          </a:lstStyle>
          <a:p>
            <a:r>
              <a:rPr lang="en-US" dirty="0"/>
              <a:t>.</a:t>
            </a: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964E16CA-A3E9-4322-B9BE-4FF2A7C5CA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id="{D8823674-FBB1-4551-AC02-90DB5D85F417}"/>
              </a:ext>
            </a:extLst>
          </p:cNvPr>
          <p:cNvSpPr>
            <a:spLocks noGrp="1"/>
          </p:cNvSpPr>
          <p:nvPr>
            <p:ph sz="quarter" idx="53"/>
          </p:nvPr>
        </p:nvSpPr>
        <p:spPr bwMode="gray">
          <a:xfrm>
            <a:off x="1770502" y="1844826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id="{022D9BBD-A252-4309-A295-ED6177147C22}"/>
              </a:ext>
            </a:extLst>
          </p:cNvPr>
          <p:cNvSpPr>
            <a:spLocks noGrp="1"/>
          </p:cNvSpPr>
          <p:nvPr>
            <p:ph sz="quarter" idx="54"/>
          </p:nvPr>
        </p:nvSpPr>
        <p:spPr bwMode="gray">
          <a:xfrm>
            <a:off x="1770502" y="3178604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id="{94C57C6C-1977-455A-A9A5-50449BAFD477}"/>
              </a:ext>
            </a:extLst>
          </p:cNvPr>
          <p:cNvSpPr>
            <a:spLocks noGrp="1"/>
          </p:cNvSpPr>
          <p:nvPr>
            <p:ph sz="quarter" idx="55"/>
          </p:nvPr>
        </p:nvSpPr>
        <p:spPr bwMode="gray">
          <a:xfrm>
            <a:off x="1770502" y="4494195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3" name="Content Placeholder 3">
            <a:extLst>
              <a:ext uri="{FF2B5EF4-FFF2-40B4-BE49-F238E27FC236}">
                <a16:creationId xmlns:a16="http://schemas.microsoft.com/office/drawing/2014/main" id="{1CC08C47-21F2-4262-A804-D297AEF30EEC}"/>
              </a:ext>
            </a:extLst>
          </p:cNvPr>
          <p:cNvSpPr>
            <a:spLocks noGrp="1"/>
          </p:cNvSpPr>
          <p:nvPr>
            <p:ph sz="quarter" idx="56"/>
          </p:nvPr>
        </p:nvSpPr>
        <p:spPr bwMode="gray">
          <a:xfrm>
            <a:off x="1770502" y="5814841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BD07A039-A2A7-4E20-A641-B5E323D5CCB3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1142911818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(1.0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15681" y="882650"/>
            <a:ext cx="8976319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49C6567E-C4DF-4FB0-9D5E-ACC3B7BDA53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5185BA0-8E21-40A4-818D-11D1EF8C340A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217626851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Red box (1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15681" y="882650"/>
            <a:ext cx="8976319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56BC035B-BAB1-4A51-BFA6-CE8077EA9BCB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844826"/>
            <a:ext cx="3672236" cy="2160000"/>
          </a:xfrm>
          <a:solidFill>
            <a:schemeClr val="tx2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1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49C6567E-C4DF-4FB0-9D5E-ACC3B7BDA53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C5FBC4A-D5DA-4E1B-B706-64A7A0897361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48443748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(1.2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  <a:noFill/>
        </p:spPr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noFill/>
        </p:spPr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77AD5145-5964-48FD-8668-FAC67E019C0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2000" cy="5975350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FECFCC7-6B73-405C-B604-D73FE69BDB11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4249531618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Red box (1.1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  <a:noFill/>
        </p:spPr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noFill/>
        </p:spPr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5EFDDFA6-A169-418F-B10F-BD5F68A5495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2000" cy="5975350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443FC17-BCDF-43B2-ACE2-E95733DC12BE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844826"/>
            <a:ext cx="3672236" cy="4752526"/>
          </a:xfrm>
          <a:solidFill>
            <a:schemeClr val="tx2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1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48DE629-552D-4BCA-8F77-4918F9D3816D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240867406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4) &amp; (Red) (1.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431704" y="1268760"/>
            <a:ext cx="4248472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97E6A79D-7394-4BCC-8689-C94B7FC7798A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896027" y="1268760"/>
            <a:ext cx="4032448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A2501572-ACDF-4C5D-9DF5-F46F5B75D4D3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431704" y="3896966"/>
            <a:ext cx="4248472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E9DDE618-DE60-409A-81C9-DF306EC1F8BE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896027" y="3896966"/>
            <a:ext cx="4032448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chemeClr val="accent4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DE7F3C5-E709-407F-AE6E-D2E1093035DE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268760"/>
            <a:ext cx="2952155" cy="5076478"/>
          </a:xfrm>
          <a:solidFill>
            <a:schemeClr val="accent5"/>
          </a:solidFill>
        </p:spPr>
        <p:txBody>
          <a:bodyPr lIns="252000" tIns="216000" rIns="252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1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42B434BB-384B-450C-9091-686F6412B5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3FAFDB29-6085-4001-A317-7E64202DA7DB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2990981969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0CF477D-6C63-4F4F-9AE3-EEDFA6E93E4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60209B7B-C8FD-4B4E-8E75-636AE148E250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263524" y="2097089"/>
            <a:ext cx="11664951" cy="35641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9D907760-3A9C-4029-BC6E-C55487567DDB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 bwMode="gray">
          <a:xfrm>
            <a:off x="263524" y="882844"/>
            <a:ext cx="11664951" cy="856793"/>
          </a:xfrm>
        </p:spPr>
        <p:txBody>
          <a:bodyPr lIns="0" tIns="144000" rIns="0" bIns="0"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800"/>
            </a:lvl1pPr>
            <a:lvl2pPr marL="0" indent="0">
              <a:lnSpc>
                <a:spcPct val="90000"/>
              </a:lnSpc>
              <a:spcBef>
                <a:spcPts val="1000"/>
              </a:spcBef>
              <a:buNone/>
              <a:defRPr sz="1800"/>
            </a:lvl2pPr>
            <a:lvl3pPr>
              <a:lnSpc>
                <a:spcPct val="90000"/>
              </a:lnSpc>
              <a:spcBef>
                <a:spcPts val="1000"/>
              </a:spcBef>
              <a:defRPr/>
            </a:lvl3pPr>
            <a:lvl4pPr>
              <a:lnSpc>
                <a:spcPct val="90000"/>
              </a:lnSpc>
              <a:spcBef>
                <a:spcPts val="1000"/>
              </a:spcBef>
              <a:defRPr/>
            </a:lvl4pPr>
            <a:lvl5pPr>
              <a:lnSpc>
                <a:spcPct val="90000"/>
              </a:lnSpc>
              <a:spcBef>
                <a:spcPts val="1000"/>
              </a:spcBef>
              <a:defRPr/>
            </a:lvl5pPr>
          </a:lstStyle>
          <a:p>
            <a:pPr lvl="0"/>
            <a:r>
              <a:rPr lang="en-US" dirty="0"/>
              <a:t>Click to edit Master Subtitle styles</a:t>
            </a:r>
          </a:p>
          <a:p>
            <a:pPr lvl="0"/>
            <a:r>
              <a:rPr lang="en-US" dirty="0"/>
              <a:t>Click to edit Master Subtitle styles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3CA8DD60-BCEB-4178-AAEE-8C17E6DDA85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accent6"/>
          </a:solidFill>
        </p:spPr>
        <p:txBody>
          <a:bodyPr tIns="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952B5F3-132F-4F3B-8B9B-D889F16FF688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243808084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nal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F5A1FED3-F338-4088-BAA5-26049E2945A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324045" y="2627060"/>
            <a:ext cx="5543910" cy="131629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5FDC5F8F-E8D3-4FF3-A5E1-A5D35D8193A7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  <p:sp>
        <p:nvSpPr>
          <p:cNvPr id="2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D5D7E4A5-E379-4431-ABB5-D19AD331210A}"/>
              </a:ext>
            </a:extLst>
          </p:cNvPr>
          <p:cNvSpPr txBox="1"/>
          <p:nvPr userDrawn="1"/>
        </p:nvSpPr>
        <p:spPr bwMode="gray">
          <a:xfrm>
            <a:off x="9384507" y="6604001"/>
            <a:ext cx="2160000" cy="2244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30" b="0" i="0" u="none" strike="noStrike" kern="1200" cap="none" spc="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Hitachi ABB Power Grids 2020. All rights reserved</a:t>
            </a:r>
            <a:endParaRPr kumimoji="0" lang="en-US" sz="73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30426249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7579" y="1608016"/>
            <a:ext cx="2786833" cy="40010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254412" y="187609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2" y="1613646"/>
            <a:ext cx="2280360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59631" y="3322850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860172" y="2599667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254412" y="3118826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866053" y="4313402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866053" y="5641555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310433" y="3928566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729773" y="1608016"/>
            <a:ext cx="2358243" cy="39087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RIDLIN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539752" y="448713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266198" y="4635849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866052" y="5077014"/>
            <a:ext cx="475428" cy="176762"/>
          </a:xfrm>
          <a:prstGeom prst="rect">
            <a:avLst/>
          </a:prstGeom>
        </p:spPr>
      </p:pic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1266198" y="2217244"/>
            <a:ext cx="378293" cy="543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537167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Divider 1.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BD04DA-BB47-4750-8A44-88B15E82698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595639" y="3225600"/>
            <a:ext cx="8815185" cy="666000"/>
          </a:xfrm>
        </p:spPr>
        <p:txBody>
          <a:bodyPr anchor="t"/>
          <a:lstStyle>
            <a:lvl1pPr algn="l"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Divider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77D401E-C526-460A-93D8-F3AC71E516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594566" y="3945041"/>
            <a:ext cx="8815185" cy="648000"/>
          </a:xfrm>
        </p:spPr>
        <p:txBody>
          <a:bodyPr lIns="36000" tIns="0"/>
          <a:lstStyle>
            <a:lvl1pPr marL="0" indent="0" algn="l">
              <a:buNone/>
              <a:defRPr sz="3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Version 1.0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C335698-AD40-4284-9146-56895C1663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accent4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3815D6C-0C71-4C18-998E-2E308A2ABC6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8" name="グループ化 39">
            <a:extLst>
              <a:ext uri="{FF2B5EF4-FFF2-40B4-BE49-F238E27FC236}">
                <a16:creationId xmlns:a16="http://schemas.microsoft.com/office/drawing/2014/main" id="{B3FFABD1-269F-4846-BFA7-64B93DCEC6FF}"/>
              </a:ext>
            </a:extLst>
          </p:cNvPr>
          <p:cNvGrpSpPr/>
          <p:nvPr userDrawn="1"/>
        </p:nvGrpSpPr>
        <p:grpSpPr bwMode="gray">
          <a:xfrm>
            <a:off x="263526" y="2708310"/>
            <a:ext cx="11664950" cy="129984"/>
            <a:chOff x="324487" y="2057426"/>
            <a:chExt cx="8495663" cy="97488"/>
          </a:xfrm>
        </p:grpSpPr>
        <p:sp>
          <p:nvSpPr>
            <p:cNvPr id="9" name="正方形/長方形 11">
              <a:extLst>
                <a:ext uri="{FF2B5EF4-FFF2-40B4-BE49-F238E27FC236}">
                  <a16:creationId xmlns:a16="http://schemas.microsoft.com/office/drawing/2014/main" id="{4E3F898B-5217-45A3-AF93-4EDA063B5749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 dirty="0"/>
            </a:p>
          </p:txBody>
        </p:sp>
        <p:grpSp>
          <p:nvGrpSpPr>
            <p:cNvPr id="10" name="グループ化 16">
              <a:extLst>
                <a:ext uri="{FF2B5EF4-FFF2-40B4-BE49-F238E27FC236}">
                  <a16:creationId xmlns:a16="http://schemas.microsoft.com/office/drawing/2014/main" id="{CEAA1F3A-29E0-4030-B5D2-D5DBBF92BB2E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1" name="正方形/長方形 42">
                <a:extLst>
                  <a:ext uri="{FF2B5EF4-FFF2-40B4-BE49-F238E27FC236}">
                    <a16:creationId xmlns:a16="http://schemas.microsoft.com/office/drawing/2014/main" id="{6DDE0990-A36E-471E-933F-CBBD7D5F100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12" name="正方形/長方形 43">
                <a:extLst>
                  <a:ext uri="{FF2B5EF4-FFF2-40B4-BE49-F238E27FC236}">
                    <a16:creationId xmlns:a16="http://schemas.microsoft.com/office/drawing/2014/main" id="{CCC91D33-C000-46EE-8043-68A33CD8C5C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13" name="Graphic 12">
            <a:extLst>
              <a:ext uri="{FF2B5EF4-FFF2-40B4-BE49-F238E27FC236}">
                <a16:creationId xmlns:a16="http://schemas.microsoft.com/office/drawing/2014/main" id="{FA1122BB-230C-4847-B4DB-5993ECBB9E8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101664" y="41555"/>
            <a:ext cx="4054618" cy="962688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3DEE2B61-FBE9-4E5F-BE7B-55479B0F5AA9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  <p:sp>
        <p:nvSpPr>
          <p:cNvPr id="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BD09944-D74A-4A12-B3E2-E9738BE1E4B8}"/>
              </a:ext>
            </a:extLst>
          </p:cNvPr>
          <p:cNvSpPr txBox="1"/>
          <p:nvPr userDrawn="1"/>
        </p:nvSpPr>
        <p:spPr bwMode="gray">
          <a:xfrm>
            <a:off x="9384507" y="6604001"/>
            <a:ext cx="2160000" cy="2244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30" b="0" i="0" u="none" strike="noStrike" kern="1200" cap="none" spc="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Hitachi ABB Power Grids 2020. All rights reserved</a:t>
            </a:r>
            <a:endParaRPr kumimoji="0" lang="en-US" sz="73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78490018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75270" y="6432550"/>
            <a:ext cx="2743200" cy="216000"/>
          </a:xfrm>
          <a:prstGeom prst="rect">
            <a:avLst/>
          </a:prstGeom>
        </p:spPr>
        <p:txBody>
          <a:bodyPr vert="horz" lIns="0" tIns="0" rIns="0" bIns="0" rtlCol="0" anchor="ctr"/>
          <a:lstStyle>
            <a:defPPr>
              <a:defRPr lang="en-US"/>
            </a:defPPr>
            <a:lvl1pPr marL="0" algn="l" defTabSz="914400" rtl="0" eaLnBrk="1" latinLnBrk="0" hangingPunct="1">
              <a:defRPr sz="12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401CC16F-1C62-447A-91D5-C3D75F6D2ED0}" type="datetime3">
              <a:rPr lang="en-US" smtClean="0"/>
              <a:pPr/>
              <a:t>16 June 2021</a:t>
            </a:fld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6760056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o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F3CEB55-43B2-42DD-BF0B-B2695AECA814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95914276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0CF477D-6C63-4F4F-9AE3-EEDFA6E93E4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C952F2A-5B19-4C40-87A1-F6B2C675C7FC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426221390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2" name="Content Placeholder 8">
            <a:extLst>
              <a:ext uri="{FF2B5EF4-FFF2-40B4-BE49-F238E27FC236}">
                <a16:creationId xmlns:a16="http://schemas.microsoft.com/office/drawing/2014/main" id="{6F615568-8BB1-4119-9F0E-EB669FFD48CE}"/>
              </a:ext>
            </a:extLst>
          </p:cNvPr>
          <p:cNvSpPr>
            <a:spLocks noGrp="1"/>
          </p:cNvSpPr>
          <p:nvPr>
            <p:ph sz="quarter" idx="21"/>
          </p:nvPr>
        </p:nvSpPr>
        <p:spPr bwMode="gray">
          <a:xfrm>
            <a:off x="263525" y="1484462"/>
            <a:ext cx="11664950" cy="4860776"/>
          </a:xfrm>
        </p:spPr>
        <p:txBody>
          <a:bodyPr lIns="0" tIns="0" r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2B33F7BB-2950-4BC1-A9AA-52FECA7F76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D88CB0B-8C40-4BC9-A32E-CDBCE3A94698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170630529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54091EA-6C3E-4A95-92A1-B050758AD4C9}"/>
              </a:ext>
            </a:extLst>
          </p:cNvPr>
          <p:cNvSpPr>
            <a:spLocks noGrp="1"/>
          </p:cNvSpPr>
          <p:nvPr>
            <p:ph sz="quarter" idx="21"/>
          </p:nvPr>
        </p:nvSpPr>
        <p:spPr bwMode="gray">
          <a:xfrm>
            <a:off x="263525" y="1484462"/>
            <a:ext cx="11664950" cy="4110440"/>
          </a:xfrm>
        </p:spPr>
        <p:txBody>
          <a:bodyPr lIns="0" tIns="0" r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742BE3E5-C35B-483A-9FF2-1492C28E74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accent6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C2C57A89-9255-4D37-ADA0-58485848A93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C3482C8-98FA-4873-83FB-22680F956D6D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427953853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72A3F29-4CDD-42D0-8353-E11BF09712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B493A0-E0FD-46B3-8194-26DB435977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FAC527E1-CBF6-43CE-BCF3-6359E433CFD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473607"/>
            <a:ext cx="1166495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6D6E47E2-CFF9-4929-BE9D-85365E9413F8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5" y="1844826"/>
            <a:ext cx="11664950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3EB01191-2991-470F-8717-A3BD9DDF0C5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14AFA3A-01C4-4253-93CD-F91EDA80485A}"/>
              </a:ext>
            </a:extLst>
          </p:cNvPr>
          <p:cNvSpPr txBox="1"/>
          <p:nvPr userDrawn="1"/>
        </p:nvSpPr>
        <p:spPr>
          <a:xfrm>
            <a:off x="9390591" y="6398401"/>
            <a:ext cx="2166937" cy="247674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1170" b="1" dirty="0"/>
              <a:t>HITACHI ABB POWER GRIDS</a:t>
            </a:r>
          </a:p>
        </p:txBody>
      </p:sp>
    </p:spTree>
    <p:extLst>
      <p:ext uri="{BB962C8B-B14F-4D97-AF65-F5344CB8AC3E}">
        <p14:creationId xmlns:p14="http://schemas.microsoft.com/office/powerpoint/2010/main" val="261577672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4B857974-89ED-4489-9966-AE9110F9D2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8120"/>
            <a:ext cx="8855276" cy="43400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2617D3C-37DD-4293-9541-6E35F5A6202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63525" y="1376363"/>
            <a:ext cx="11657546" cy="4968874"/>
          </a:xfrm>
          <a:prstGeom prst="rect">
            <a:avLst/>
          </a:prstGeom>
        </p:spPr>
        <p:txBody>
          <a:bodyPr vert="horz" lIns="0" tIns="10800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8F0C02-0951-4EF2-B93F-6FE591A22B5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5600" y="6555600"/>
            <a:ext cx="651600" cy="3060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470">
                <a:solidFill>
                  <a:schemeClr val="tx1"/>
                </a:solidFill>
              </a:defRPr>
            </a:lvl1pPr>
          </a:lstStyle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B2F1676B-D6EF-4BB4-B3EC-8C3F9C4B1B45}"/>
              </a:ext>
            </a:extLst>
          </p:cNvPr>
          <p:cNvGrpSpPr/>
          <p:nvPr userDrawn="1"/>
        </p:nvGrpSpPr>
        <p:grpSpPr>
          <a:xfrm>
            <a:off x="-3" y="794367"/>
            <a:ext cx="12192003" cy="88389"/>
            <a:chOff x="-3" y="794367"/>
            <a:chExt cx="12192003" cy="88389"/>
          </a:xfrm>
        </p:grpSpPr>
        <p:sp>
          <p:nvSpPr>
            <p:cNvPr id="9" name="正方形/長方形 11">
              <a:extLst>
                <a:ext uri="{FF2B5EF4-FFF2-40B4-BE49-F238E27FC236}">
                  <a16:creationId xmlns:a16="http://schemas.microsoft.com/office/drawing/2014/main" id="{1E48A1FD-7CC4-46D8-A2E1-6F03829DD1A3}"/>
                </a:ext>
              </a:extLst>
            </p:cNvPr>
            <p:cNvSpPr>
              <a:spLocks noChangeArrowheads="1"/>
            </p:cNvSpPr>
            <p:nvPr userDrawn="1"/>
          </p:nvSpPr>
          <p:spPr bwMode="gray">
            <a:xfrm>
              <a:off x="0" y="794367"/>
              <a:ext cx="12192000" cy="88389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 dirty="0"/>
            </a:p>
          </p:txBody>
        </p:sp>
        <p:grpSp>
          <p:nvGrpSpPr>
            <p:cNvPr id="10" name="グループ化 62">
              <a:extLst>
                <a:ext uri="{FF2B5EF4-FFF2-40B4-BE49-F238E27FC236}">
                  <a16:creationId xmlns:a16="http://schemas.microsoft.com/office/drawing/2014/main" id="{96E01351-7416-453F-AE1B-1CD86204E758}"/>
                </a:ext>
              </a:extLst>
            </p:cNvPr>
            <p:cNvGrpSpPr/>
            <p:nvPr userDrawn="1"/>
          </p:nvGrpSpPr>
          <p:grpSpPr bwMode="gray">
            <a:xfrm>
              <a:off x="-3" y="794367"/>
              <a:ext cx="1757857" cy="88389"/>
              <a:chOff x="312738" y="2747963"/>
              <a:chExt cx="1970087" cy="109537"/>
            </a:xfrm>
          </p:grpSpPr>
          <p:sp>
            <p:nvSpPr>
              <p:cNvPr id="11" name="正方形/長方形 69">
                <a:extLst>
                  <a:ext uri="{FF2B5EF4-FFF2-40B4-BE49-F238E27FC236}">
                    <a16:creationId xmlns:a16="http://schemas.microsoft.com/office/drawing/2014/main" id="{9A85BBEC-5D35-4BF5-AE00-6E8C440A4B0F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12" name="正方形/長方形 70">
                <a:extLst>
                  <a:ext uri="{FF2B5EF4-FFF2-40B4-BE49-F238E27FC236}">
                    <a16:creationId xmlns:a16="http://schemas.microsoft.com/office/drawing/2014/main" id="{6E132C21-2E20-429A-B4D8-7A0170B79AFF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sp>
        <p:nvSpPr>
          <p:cNvPr id="26" name="Footer Placeholder 4">
            <a:extLst>
              <a:ext uri="{FF2B5EF4-FFF2-40B4-BE49-F238E27FC236}">
                <a16:creationId xmlns:a16="http://schemas.microsoft.com/office/drawing/2014/main" id="{DB1F0B32-374F-4B51-9AA3-5F551B2F644F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66400" y="6555600"/>
            <a:ext cx="8852400" cy="21240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800">
                <a:solidFill>
                  <a:schemeClr val="accent4"/>
                </a:solidFill>
              </a:defRPr>
            </a:lvl1pPr>
          </a:lstStyle>
          <a:p>
            <a:endParaRPr lang="en-US" dirty="0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2135B2F7-B0DD-4C02-A84E-BC4634977626}"/>
              </a:ext>
            </a:extLst>
          </p:cNvPr>
          <p:cNvPicPr>
            <a:picLocks noChangeAspect="1"/>
          </p:cNvPicPr>
          <p:nvPr userDrawn="1"/>
        </p:nvPicPr>
        <p:blipFill>
          <a:blip r:embed="rId4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3"/>
              </a:ext>
            </a:extLst>
          </a:blip>
          <a:stretch>
            <a:fillRect/>
          </a:stretch>
        </p:blipFill>
        <p:spPr>
          <a:xfrm>
            <a:off x="9894886" y="150019"/>
            <a:ext cx="2153872" cy="511395"/>
          </a:xfrm>
          <a:prstGeom prst="rect">
            <a:avLst/>
          </a:prstGeom>
        </p:spPr>
      </p:pic>
      <p:sp>
        <p:nvSpPr>
          <p:cNvPr id="5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A1096FB2-55CC-4081-8128-E81939554EB4}"/>
              </a:ext>
            </a:extLst>
          </p:cNvPr>
          <p:cNvSpPr txBox="1"/>
          <p:nvPr userDrawn="1"/>
        </p:nvSpPr>
        <p:spPr bwMode="gray">
          <a:xfrm>
            <a:off x="9384507" y="6604001"/>
            <a:ext cx="2160000" cy="224432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30" b="0" i="0" u="none" strike="noStrike" kern="1200" cap="none" spc="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Hitachi ABB Power Grids 2020. All rights reserved</a:t>
            </a:r>
            <a:endParaRPr kumimoji="0" lang="en-US" sz="73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159385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7" r:id="rId1"/>
    <p:sldLayoutId id="2147483664" r:id="rId2"/>
    <p:sldLayoutId id="2147483663" r:id="rId3"/>
    <p:sldLayoutId id="2147483665" r:id="rId4"/>
    <p:sldLayoutId id="2147483708" r:id="rId5"/>
    <p:sldLayoutId id="2147483713" r:id="rId6"/>
    <p:sldLayoutId id="2147483650" r:id="rId7"/>
    <p:sldLayoutId id="2147483666" r:id="rId8"/>
    <p:sldLayoutId id="2147483685" r:id="rId9"/>
    <p:sldLayoutId id="2147483709" r:id="rId10"/>
    <p:sldLayoutId id="2147483667" r:id="rId11"/>
    <p:sldLayoutId id="2147483668" r:id="rId12"/>
    <p:sldLayoutId id="2147483701" r:id="rId13"/>
    <p:sldLayoutId id="2147483702" r:id="rId14"/>
    <p:sldLayoutId id="2147483675" r:id="rId15"/>
    <p:sldLayoutId id="2147483676" r:id="rId16"/>
    <p:sldLayoutId id="2147483686" r:id="rId17"/>
    <p:sldLayoutId id="2147483687" r:id="rId18"/>
    <p:sldLayoutId id="2147483671" r:id="rId19"/>
    <p:sldLayoutId id="2147483672" r:id="rId20"/>
    <p:sldLayoutId id="2147483696" r:id="rId21"/>
    <p:sldLayoutId id="2147483697" r:id="rId22"/>
    <p:sldLayoutId id="2147483681" r:id="rId23"/>
    <p:sldLayoutId id="2147483684" r:id="rId24"/>
    <p:sldLayoutId id="2147483688" r:id="rId25"/>
    <p:sldLayoutId id="2147483689" r:id="rId26"/>
    <p:sldLayoutId id="2147483694" r:id="rId27"/>
    <p:sldLayoutId id="2147483695" r:id="rId28"/>
    <p:sldLayoutId id="2147483690" r:id="rId29"/>
    <p:sldLayoutId id="2147483691" r:id="rId30"/>
    <p:sldLayoutId id="2147483693" r:id="rId31"/>
    <p:sldLayoutId id="2147483698" r:id="rId32"/>
    <p:sldLayoutId id="2147483711" r:id="rId33"/>
    <p:sldLayoutId id="2147483712" r:id="rId34"/>
    <p:sldLayoutId id="2147483699" r:id="rId35"/>
    <p:sldLayoutId id="2147483700" r:id="rId36"/>
    <p:sldLayoutId id="2147483710" r:id="rId37"/>
    <p:sldLayoutId id="2147483704" r:id="rId38"/>
    <p:sldLayoutId id="2147483714" r:id="rId39"/>
    <p:sldLayoutId id="2147483715" r:id="rId40"/>
  </p:sldLayoutIdLst>
  <p:hf hdr="0" dt="0"/>
  <p:txStyles>
    <p:titleStyle>
      <a:lvl1pPr algn="l" defTabSz="914400" rtl="0" eaLnBrk="1" latinLnBrk="0" hangingPunct="1">
        <a:lnSpc>
          <a:spcPct val="95000"/>
        </a:lnSpc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–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8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–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18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–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12000" algn="l" defTabSz="3175" rtl="0" eaLnBrk="1" latinLnBrk="0" hangingPunct="1">
        <a:defRPr sz="1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2pPr>
      <a:lvl3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4pPr>
      <a:lvl5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5pPr>
      <a:lvl6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66" userDrawn="1">
          <p15:clr>
            <a:srgbClr val="F26B43"/>
          </p15:clr>
        </p15:guide>
        <p15:guide id="2" pos="7514" userDrawn="1">
          <p15:clr>
            <a:srgbClr val="F26B43"/>
          </p15:clr>
        </p15:guide>
        <p15:guide id="3" orient="horz" pos="709" userDrawn="1">
          <p15:clr>
            <a:srgbClr val="F26B43"/>
          </p15:clr>
        </p15:guide>
        <p15:guide id="4" orient="horz" pos="3997" userDrawn="1">
          <p15:clr>
            <a:srgbClr val="F26B43"/>
          </p15:clr>
        </p15:guide>
        <p15:guide id="5" pos="3840" userDrawn="1">
          <p15:clr>
            <a:srgbClr val="F26B43"/>
          </p15:clr>
        </p15:guide>
        <p15:guide id="6" orient="horz" pos="2364" userDrawn="1">
          <p15:clr>
            <a:srgbClr val="F26B43"/>
          </p15:clr>
        </p15:guide>
        <p15:guide id="7" orient="horz" pos="1321" userDrawn="1">
          <p15:clr>
            <a:srgbClr val="A4A3A4"/>
          </p15:clr>
        </p15:guide>
        <p15:guide id="8" orient="horz" pos="86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24.bin"/><Relationship Id="rId7" Type="http://schemas.openxmlformats.org/officeDocument/2006/relationships/image" Target="../media/image8.svg"/><Relationship Id="rId2" Type="http://schemas.openxmlformats.org/officeDocument/2006/relationships/slideLayout" Target="../slideLayouts/slideLayout2.xml"/><Relationship Id="rId1" Type="http://schemas.openxmlformats.org/officeDocument/2006/relationships/tags" Target="../tags/tag1.xml"/><Relationship Id="rId6" Type="http://schemas.openxmlformats.org/officeDocument/2006/relationships/image" Target="../media/image7.png"/><Relationship Id="rId11" Type="http://schemas.openxmlformats.org/officeDocument/2006/relationships/image" Target="../media/image12.svg"/><Relationship Id="rId5" Type="http://schemas.openxmlformats.org/officeDocument/2006/relationships/image" Target="../media/image6.svg"/><Relationship Id="rId10" Type="http://schemas.openxmlformats.org/officeDocument/2006/relationships/image" Target="../media/image11.png"/><Relationship Id="rId4" Type="http://schemas.openxmlformats.org/officeDocument/2006/relationships/image" Target="../media/image5.png"/><Relationship Id="rId9" Type="http://schemas.openxmlformats.org/officeDocument/2006/relationships/image" Target="../media/image10.sv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png"/><Relationship Id="rId13" Type="http://schemas.openxmlformats.org/officeDocument/2006/relationships/image" Target="../media/image30.svg"/><Relationship Id="rId18" Type="http://schemas.openxmlformats.org/officeDocument/2006/relationships/image" Target="../media/image35.png"/><Relationship Id="rId3" Type="http://schemas.openxmlformats.org/officeDocument/2006/relationships/tags" Target="../tags/tag10.xml"/><Relationship Id="rId21" Type="http://schemas.openxmlformats.org/officeDocument/2006/relationships/image" Target="../media/image38.svg"/><Relationship Id="rId7" Type="http://schemas.openxmlformats.org/officeDocument/2006/relationships/slideLayout" Target="../slideLayouts/slideLayout22.xml"/><Relationship Id="rId12" Type="http://schemas.openxmlformats.org/officeDocument/2006/relationships/image" Target="../media/image29.png"/><Relationship Id="rId17" Type="http://schemas.openxmlformats.org/officeDocument/2006/relationships/image" Target="../media/image34.svg"/><Relationship Id="rId2" Type="http://schemas.openxmlformats.org/officeDocument/2006/relationships/tags" Target="../tags/tag9.xml"/><Relationship Id="rId16" Type="http://schemas.openxmlformats.org/officeDocument/2006/relationships/image" Target="../media/image33.png"/><Relationship Id="rId20" Type="http://schemas.openxmlformats.org/officeDocument/2006/relationships/image" Target="../media/image37.png"/><Relationship Id="rId1" Type="http://schemas.openxmlformats.org/officeDocument/2006/relationships/tags" Target="../tags/tag8.xml"/><Relationship Id="rId6" Type="http://schemas.openxmlformats.org/officeDocument/2006/relationships/tags" Target="../tags/tag13.xml"/><Relationship Id="rId11" Type="http://schemas.openxmlformats.org/officeDocument/2006/relationships/image" Target="../media/image28.svg"/><Relationship Id="rId5" Type="http://schemas.openxmlformats.org/officeDocument/2006/relationships/tags" Target="../tags/tag12.xml"/><Relationship Id="rId15" Type="http://schemas.openxmlformats.org/officeDocument/2006/relationships/image" Target="../media/image32.svg"/><Relationship Id="rId10" Type="http://schemas.openxmlformats.org/officeDocument/2006/relationships/image" Target="../media/image27.png"/><Relationship Id="rId19" Type="http://schemas.openxmlformats.org/officeDocument/2006/relationships/image" Target="../media/image36.svg"/><Relationship Id="rId4" Type="http://schemas.openxmlformats.org/officeDocument/2006/relationships/tags" Target="../tags/tag11.xml"/><Relationship Id="rId9" Type="http://schemas.openxmlformats.org/officeDocument/2006/relationships/image" Target="../media/image26.svg"/><Relationship Id="rId14" Type="http://schemas.openxmlformats.org/officeDocument/2006/relationships/image" Target="../media/image31.png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8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8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png"/><Relationship Id="rId13" Type="http://schemas.openxmlformats.org/officeDocument/2006/relationships/image" Target="../media/image30.svg"/><Relationship Id="rId18" Type="http://schemas.openxmlformats.org/officeDocument/2006/relationships/image" Target="../media/image35.png"/><Relationship Id="rId3" Type="http://schemas.openxmlformats.org/officeDocument/2006/relationships/tags" Target="../tags/tag4.xml"/><Relationship Id="rId21" Type="http://schemas.openxmlformats.org/officeDocument/2006/relationships/image" Target="../media/image38.svg"/><Relationship Id="rId7" Type="http://schemas.openxmlformats.org/officeDocument/2006/relationships/slideLayout" Target="../slideLayouts/slideLayout22.xml"/><Relationship Id="rId12" Type="http://schemas.openxmlformats.org/officeDocument/2006/relationships/image" Target="../media/image29.png"/><Relationship Id="rId17" Type="http://schemas.openxmlformats.org/officeDocument/2006/relationships/image" Target="../media/image34.svg"/><Relationship Id="rId2" Type="http://schemas.openxmlformats.org/officeDocument/2006/relationships/tags" Target="../tags/tag3.xml"/><Relationship Id="rId16" Type="http://schemas.openxmlformats.org/officeDocument/2006/relationships/image" Target="../media/image33.png"/><Relationship Id="rId20" Type="http://schemas.openxmlformats.org/officeDocument/2006/relationships/image" Target="../media/image37.png"/><Relationship Id="rId1" Type="http://schemas.openxmlformats.org/officeDocument/2006/relationships/tags" Target="../tags/tag2.xml"/><Relationship Id="rId6" Type="http://schemas.openxmlformats.org/officeDocument/2006/relationships/tags" Target="../tags/tag7.xml"/><Relationship Id="rId11" Type="http://schemas.openxmlformats.org/officeDocument/2006/relationships/image" Target="../media/image28.svg"/><Relationship Id="rId5" Type="http://schemas.openxmlformats.org/officeDocument/2006/relationships/tags" Target="../tags/tag6.xml"/><Relationship Id="rId15" Type="http://schemas.openxmlformats.org/officeDocument/2006/relationships/image" Target="../media/image32.svg"/><Relationship Id="rId10" Type="http://schemas.openxmlformats.org/officeDocument/2006/relationships/image" Target="../media/image27.png"/><Relationship Id="rId19" Type="http://schemas.openxmlformats.org/officeDocument/2006/relationships/image" Target="../media/image36.svg"/><Relationship Id="rId4" Type="http://schemas.openxmlformats.org/officeDocument/2006/relationships/tags" Target="../tags/tag5.xml"/><Relationship Id="rId9" Type="http://schemas.openxmlformats.org/officeDocument/2006/relationships/image" Target="../media/image26.svg"/><Relationship Id="rId14" Type="http://schemas.openxmlformats.org/officeDocument/2006/relationships/image" Target="../media/image31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2" descr="A person posing for the camera&#10;&#10;Description automatically generated">
            <a:extLst>
              <a:ext uri="{FF2B5EF4-FFF2-40B4-BE49-F238E27FC236}">
                <a16:creationId xmlns:a16="http://schemas.microsoft.com/office/drawing/2014/main" id="{6D4933B3-CBC3-4D02-8EE6-0D50D0EB3E7E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12" t="3940" r="554" b="12049"/>
          <a:stretch/>
        </p:blipFill>
        <p:spPr>
          <a:xfrm>
            <a:off x="4" y="2"/>
            <a:ext cx="12191997" cy="4738687"/>
          </a:xfrm>
        </p:spPr>
      </p:pic>
      <p:sp>
        <p:nvSpPr>
          <p:cNvPr id="4" name="mainTitle_range">
            <a:extLst>
              <a:ext uri="{FF2B5EF4-FFF2-40B4-BE49-F238E27FC236}">
                <a16:creationId xmlns:a16="http://schemas.microsoft.com/office/drawing/2014/main" id="{3263B96B-7AB2-4200-A5AE-E7A669348D87}"/>
              </a:ext>
            </a:extLst>
          </p:cNvPr>
          <p:cNvSpPr txBox="1">
            <a:spLocks/>
          </p:cNvSpPr>
          <p:nvPr/>
        </p:nvSpPr>
        <p:spPr>
          <a:xfrm>
            <a:off x="1383254" y="5115626"/>
            <a:ext cx="10537200" cy="504000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95000"/>
              </a:lnSpc>
              <a:spcBef>
                <a:spcPct val="0"/>
              </a:spcBef>
              <a:buNone/>
              <a:defRPr sz="2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pl-PL" dirty="0"/>
              <a:t>HR Operations </a:t>
            </a:r>
            <a:r>
              <a:rPr lang="en-US" dirty="0"/>
              <a:t>| Monthly Report</a:t>
            </a:r>
          </a:p>
        </p:txBody>
      </p:sp>
      <p:sp>
        <p:nvSpPr>
          <p:cNvPr id="5" name="ctry_range_title">
            <a:extLst>
              <a:ext uri="{FF2B5EF4-FFF2-40B4-BE49-F238E27FC236}">
                <a16:creationId xmlns:a16="http://schemas.microsoft.com/office/drawing/2014/main" id="{BB538B89-9BD9-4F08-AA9B-E8CB39864D3D}"/>
              </a:ext>
            </a:extLst>
          </p:cNvPr>
          <p:cNvSpPr txBox="1">
            <a:spLocks/>
          </p:cNvSpPr>
          <p:nvPr/>
        </p:nvSpPr>
        <p:spPr>
          <a:xfrm>
            <a:off x="1383254" y="5689230"/>
            <a:ext cx="10537200" cy="381000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Management Report – </a:t>
            </a:r>
            <a:r>
              <a:rPr lang="en-US" dirty="0">
                <a:solidFill>
                  <a:srgbClr val="FF0000"/>
                </a:solidFill>
              </a:rPr>
              <a:t>Country</a:t>
            </a:r>
          </a:p>
          <a:p>
            <a:r>
              <a:rPr lang="pl-PL" dirty="0"/>
              <a:t>HR Operations</a:t>
            </a:r>
            <a:r>
              <a:rPr lang="en-US" dirty="0"/>
              <a:t> Quality and Continuous Improvement</a:t>
            </a:r>
          </a:p>
          <a:p>
            <a:endParaRPr lang="en-US" dirty="0">
              <a:solidFill>
                <a:srgbClr val="FF0000"/>
              </a:solidFill>
            </a:endParaRPr>
          </a:p>
        </p:txBody>
      </p:sp>
      <p:sp>
        <p:nvSpPr>
          <p:cNvPr id="2" name="date_range">
            <a:extLst>
              <a:ext uri="{FF2B5EF4-FFF2-40B4-BE49-F238E27FC236}">
                <a16:creationId xmlns:a16="http://schemas.microsoft.com/office/drawing/2014/main" id="{2C110FE2-75FB-4B60-9389-1216299AF463}"/>
              </a:ext>
            </a:extLst>
          </p:cNvPr>
          <p:cNvSpPr txBox="1"/>
          <p:nvPr/>
        </p:nvSpPr>
        <p:spPr>
          <a:xfrm>
            <a:off x="1383254" y="4878782"/>
            <a:ext cx="1180131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pl-PL" sz="1000" dirty="0" err="1"/>
              <a:t>September</a:t>
            </a:r>
            <a:r>
              <a:rPr lang="pl-PL" sz="1000" dirty="0"/>
              <a:t> 1, 2018</a:t>
            </a:r>
          </a:p>
        </p:txBody>
      </p:sp>
      <p:pic>
        <p:nvPicPr>
          <p:cNvPr id="6" name="Confidential" hidden="1">
            <a:extLst>
              <a:ext uri="{FF2B5EF4-FFF2-40B4-BE49-F238E27FC236}">
                <a16:creationId xmlns:a16="http://schemas.microsoft.com/office/drawing/2014/main" id="{882A5761-AB16-47AA-BD18-7B05611DD79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7" name="Public" hidden="1">
            <a:extLst>
              <a:ext uri="{FF2B5EF4-FFF2-40B4-BE49-F238E27FC236}">
                <a16:creationId xmlns:a16="http://schemas.microsoft.com/office/drawing/2014/main" id="{72FB5096-292F-4AFA-8F52-C384A3EC9B2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8" name="Internal">
            <a:extLst>
              <a:ext uri="{FF2B5EF4-FFF2-40B4-BE49-F238E27FC236}">
                <a16:creationId xmlns:a16="http://schemas.microsoft.com/office/drawing/2014/main" id="{EA3A1B23-06E1-489D-8409-F0AEE1D1C8BC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9" name="Strictly" hidden="1">
            <a:extLst>
              <a:ext uri="{FF2B5EF4-FFF2-40B4-BE49-F238E27FC236}">
                <a16:creationId xmlns:a16="http://schemas.microsoft.com/office/drawing/2014/main" id="{A681BB3B-D95D-4685-AB4E-C390D3E260C5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429600" y="498000"/>
            <a:ext cx="1671890" cy="26640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68715336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pl-PL" dirty="0"/>
              <a:t>HR Center</a:t>
            </a:r>
            <a:r>
              <a:rPr lang="en-US" dirty="0"/>
              <a:t> | Talent Management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96472215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pl-PL" dirty="0"/>
              <a:t>HR Center</a:t>
            </a:r>
            <a:r>
              <a:rPr lang="en-US" dirty="0"/>
              <a:t> | People Analytics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161495960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F3837AE-7D8A-431A-BBAC-B23F59D3EB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12</a:t>
            </a:fld>
            <a:endParaRPr lang="en-US" dirty="0"/>
          </a:p>
        </p:txBody>
      </p:sp>
      <p:graphicFrame>
        <p:nvGraphicFramePr>
          <p:cNvPr id="28" name="Table 28">
            <a:extLst>
              <a:ext uri="{FF2B5EF4-FFF2-40B4-BE49-F238E27FC236}">
                <a16:creationId xmlns:a16="http://schemas.microsoft.com/office/drawing/2014/main" id="{4C554DA9-CA55-43FB-894F-3C3AEF56FDDA}"/>
              </a:ext>
            </a:extLst>
          </p:cNvPr>
          <p:cNvGraphicFramePr>
            <a:graphicFrameLocks noGrp="1"/>
          </p:cNvGraphicFramePr>
          <p:nvPr>
            <p:ph sz="quarter" idx="19"/>
            <p:extLst>
              <p:ext uri="{D42A27DB-BD31-4B8C-83A1-F6EECF244321}">
                <p14:modId xmlns:p14="http://schemas.microsoft.com/office/powerpoint/2010/main" val="4115340860"/>
              </p:ext>
            </p:extLst>
          </p:nvPr>
        </p:nvGraphicFramePr>
        <p:xfrm>
          <a:off x="263525" y="1844675"/>
          <a:ext cx="11664948" cy="4165600"/>
        </p:xfrm>
        <a:graphic>
          <a:graphicData uri="http://schemas.openxmlformats.org/drawingml/2006/table">
            <a:tbl>
              <a:tblPr firstRow="1" bandRow="1">
                <a:tableStyleId>{00A15C55-8517-42AA-B614-E9B94910E393}</a:tableStyleId>
              </a:tblPr>
              <a:tblGrid>
                <a:gridCol w="578686">
                  <a:extLst>
                    <a:ext uri="{9D8B030D-6E8A-4147-A177-3AD203B41FA5}">
                      <a16:colId xmlns:a16="http://schemas.microsoft.com/office/drawing/2014/main" val="1951769221"/>
                    </a:ext>
                  </a:extLst>
                </a:gridCol>
                <a:gridCol w="1251284">
                  <a:extLst>
                    <a:ext uri="{9D8B030D-6E8A-4147-A177-3AD203B41FA5}">
                      <a16:colId xmlns:a16="http://schemas.microsoft.com/office/drawing/2014/main" val="2439726721"/>
                    </a:ext>
                  </a:extLst>
                </a:gridCol>
                <a:gridCol w="3615489">
                  <a:extLst>
                    <a:ext uri="{9D8B030D-6E8A-4147-A177-3AD203B41FA5}">
                      <a16:colId xmlns:a16="http://schemas.microsoft.com/office/drawing/2014/main" val="3661755934"/>
                    </a:ext>
                  </a:extLst>
                </a:gridCol>
                <a:gridCol w="2331173">
                  <a:extLst>
                    <a:ext uri="{9D8B030D-6E8A-4147-A177-3AD203B41FA5}">
                      <a16:colId xmlns:a16="http://schemas.microsoft.com/office/drawing/2014/main" val="222098036"/>
                    </a:ext>
                  </a:extLst>
                </a:gridCol>
                <a:gridCol w="3161243">
                  <a:extLst>
                    <a:ext uri="{9D8B030D-6E8A-4147-A177-3AD203B41FA5}">
                      <a16:colId xmlns:a16="http://schemas.microsoft.com/office/drawing/2014/main" val="1111651368"/>
                    </a:ext>
                  </a:extLst>
                </a:gridCol>
                <a:gridCol w="727073">
                  <a:extLst>
                    <a:ext uri="{9D8B030D-6E8A-4147-A177-3AD203B41FA5}">
                      <a16:colId xmlns:a16="http://schemas.microsoft.com/office/drawing/2014/main" val="1527228073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pl-PL" dirty="0"/>
                        <a:t>SL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pl-PL" b="1" dirty="0" err="1"/>
                        <a:t>Category</a:t>
                      </a:r>
                      <a:r>
                        <a:rPr lang="pl-PL" b="1" dirty="0"/>
                        <a:t> (</a:t>
                      </a:r>
                      <a:r>
                        <a:rPr lang="pl-PL" b="1" dirty="0" err="1"/>
                        <a:t>Esc</a:t>
                      </a:r>
                      <a:r>
                        <a:rPr lang="pl-PL" b="1" dirty="0"/>
                        <a:t>./ CSAT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pl-PL" dirty="0" err="1"/>
                        <a:t>Description</a:t>
                      </a:r>
                      <a:r>
                        <a:rPr lang="pl-PL" dirty="0"/>
                        <a:t> of </a:t>
                      </a:r>
                      <a:r>
                        <a:rPr lang="pl-PL" dirty="0" err="1"/>
                        <a:t>issue</a:t>
                      </a:r>
                      <a:endParaRPr lang="pl-PL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Root Cause Analysis</a:t>
                      </a:r>
                      <a:endParaRPr lang="pl-PL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Initiated Action</a:t>
                      </a:r>
                      <a:endParaRPr lang="pl-PL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pl-PL" dirty="0"/>
                        <a:t>Statu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14257637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2537931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056488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786287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80653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260022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1258066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0597142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495224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3580135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99616051"/>
                  </a:ext>
                </a:extLst>
              </a:tr>
            </a:tbl>
          </a:graphicData>
        </a:graphic>
      </p:graphicFrame>
      <p:sp>
        <p:nvSpPr>
          <p:cNvPr id="26" name="ctry_range">
            <a:extLst>
              <a:ext uri="{FF2B5EF4-FFF2-40B4-BE49-F238E27FC236}">
                <a16:creationId xmlns:a16="http://schemas.microsoft.com/office/drawing/2014/main" id="{E17D39D6-B66D-4AA3-A447-A7689A07E07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pl-PL" dirty="0"/>
              <a:t>HR Center</a:t>
            </a:r>
            <a:endParaRPr lang="en-US" dirty="0"/>
          </a:p>
        </p:txBody>
      </p:sp>
      <p:sp>
        <p:nvSpPr>
          <p:cNvPr id="27" name="Subtitle 8">
            <a:extLst>
              <a:ext uri="{FF2B5EF4-FFF2-40B4-BE49-F238E27FC236}">
                <a16:creationId xmlns:a16="http://schemas.microsoft.com/office/drawing/2014/main" id="{BF18701C-D540-432F-BE3F-9738319689FB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263525" y="1473200"/>
            <a:ext cx="11664950" cy="252413"/>
          </a:xfrm>
        </p:spPr>
        <p:txBody>
          <a:bodyPr/>
          <a:lstStyle/>
          <a:p>
            <a:r>
              <a:rPr lang="en-US" dirty="0"/>
              <a:t>Root Cause Analysis Status | Escalations and Customer Satisfaction Survey (Results 3&amp;4)</a:t>
            </a:r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DB770BF3-0C20-4694-8D75-3CD3204D670D}"/>
              </a:ext>
            </a:extLst>
          </p:cNvPr>
          <p:cNvGrpSpPr/>
          <p:nvPr/>
        </p:nvGrpSpPr>
        <p:grpSpPr>
          <a:xfrm>
            <a:off x="2604129" y="6463361"/>
            <a:ext cx="6174925" cy="304639"/>
            <a:chOff x="2823824" y="6393390"/>
            <a:chExt cx="6174925" cy="304639"/>
          </a:xfrm>
        </p:grpSpPr>
        <p:grpSp>
          <p:nvGrpSpPr>
            <p:cNvPr id="42" name="Group 41">
              <a:extLst>
                <a:ext uri="{FF2B5EF4-FFF2-40B4-BE49-F238E27FC236}">
                  <a16:creationId xmlns:a16="http://schemas.microsoft.com/office/drawing/2014/main" id="{2230677C-124D-49CD-B719-AFCA4B2B526D}"/>
                </a:ext>
              </a:extLst>
            </p:cNvPr>
            <p:cNvGrpSpPr/>
            <p:nvPr/>
          </p:nvGrpSpPr>
          <p:grpSpPr>
            <a:xfrm>
              <a:off x="3597369" y="6395893"/>
              <a:ext cx="1869804" cy="294467"/>
              <a:chOff x="2214048" y="3184902"/>
              <a:chExt cx="1869804" cy="294467"/>
            </a:xfrm>
          </p:grpSpPr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DF6CA9FC-14A6-4D75-82AC-153750596D82}"/>
                  </a:ext>
                </a:extLst>
              </p:cNvPr>
              <p:cNvSpPr/>
              <p:nvPr/>
            </p:nvSpPr>
            <p:spPr bwMode="gray">
              <a:xfrm>
                <a:off x="2214048" y="3257633"/>
                <a:ext cx="144000" cy="144000"/>
              </a:xfrm>
              <a:prstGeom prst="ellipse">
                <a:avLst/>
              </a:prstGeom>
              <a:solidFill>
                <a:srgbClr val="FFC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400" dirty="0" err="1"/>
              </a:p>
            </p:txBody>
          </p:sp>
          <p:sp>
            <p:nvSpPr>
              <p:cNvPr id="51" name="TextBox 50">
                <a:extLst>
                  <a:ext uri="{FF2B5EF4-FFF2-40B4-BE49-F238E27FC236}">
                    <a16:creationId xmlns:a16="http://schemas.microsoft.com/office/drawing/2014/main" id="{63E1CC32-3FD6-4842-AAFB-F989854EE8DA}"/>
                  </a:ext>
                </a:extLst>
              </p:cNvPr>
              <p:cNvSpPr txBox="1"/>
              <p:nvPr/>
            </p:nvSpPr>
            <p:spPr bwMode="gray">
              <a:xfrm>
                <a:off x="2355741" y="3184902"/>
                <a:ext cx="1728111" cy="294467"/>
              </a:xfrm>
              <a:prstGeom prst="rect">
                <a:avLst/>
              </a:prstGeom>
              <a:noFill/>
            </p:spPr>
            <p:txBody>
              <a:bodyPr wrap="none" lIns="72000" tIns="72000" rIns="72000" bIns="72000" rtlCol="0">
                <a:noAutofit/>
              </a:bodyPr>
              <a:lstStyle/>
              <a:p>
                <a:r>
                  <a:rPr lang="pl-PL" sz="1000" dirty="0">
                    <a:solidFill>
                      <a:schemeClr val="accent3"/>
                    </a:solidFill>
                  </a:rPr>
                  <a:t>Amber (A): In Progress</a:t>
                </a:r>
              </a:p>
              <a:p>
                <a:endParaRPr lang="en-US" sz="1000" dirty="0" err="1">
                  <a:solidFill>
                    <a:schemeClr val="accent3"/>
                  </a:solidFill>
                </a:endParaRPr>
              </a:p>
            </p:txBody>
          </p:sp>
        </p:grpSp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15D2F29C-2280-4056-8CC2-6F290ACC55C0}"/>
                </a:ext>
              </a:extLst>
            </p:cNvPr>
            <p:cNvGrpSpPr/>
            <p:nvPr/>
          </p:nvGrpSpPr>
          <p:grpSpPr>
            <a:xfrm>
              <a:off x="5511955" y="6398396"/>
              <a:ext cx="1869804" cy="294467"/>
              <a:chOff x="2214048" y="3184902"/>
              <a:chExt cx="1869804" cy="294467"/>
            </a:xfrm>
          </p:grpSpPr>
          <p:sp>
            <p:nvSpPr>
              <p:cNvPr id="48" name="Oval 47">
                <a:extLst>
                  <a:ext uri="{FF2B5EF4-FFF2-40B4-BE49-F238E27FC236}">
                    <a16:creationId xmlns:a16="http://schemas.microsoft.com/office/drawing/2014/main" id="{6D5036B8-56DB-431C-AAD3-0C1FA8CC8D49}"/>
                  </a:ext>
                </a:extLst>
              </p:cNvPr>
              <p:cNvSpPr/>
              <p:nvPr/>
            </p:nvSpPr>
            <p:spPr bwMode="gray">
              <a:xfrm>
                <a:off x="2214048" y="3257633"/>
                <a:ext cx="144000" cy="144000"/>
              </a:xfrm>
              <a:prstGeom prst="ellipse">
                <a:avLst/>
              </a:prstGeom>
              <a:solidFill>
                <a:srgbClr val="00B05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400" dirty="0" err="1"/>
              </a:p>
            </p:txBody>
          </p:sp>
          <p:sp>
            <p:nvSpPr>
              <p:cNvPr id="49" name="TextBox 48">
                <a:extLst>
                  <a:ext uri="{FF2B5EF4-FFF2-40B4-BE49-F238E27FC236}">
                    <a16:creationId xmlns:a16="http://schemas.microsoft.com/office/drawing/2014/main" id="{87A367CF-FF58-4C73-9F1E-F5E148B0B212}"/>
                  </a:ext>
                </a:extLst>
              </p:cNvPr>
              <p:cNvSpPr txBox="1"/>
              <p:nvPr/>
            </p:nvSpPr>
            <p:spPr bwMode="gray">
              <a:xfrm>
                <a:off x="2355741" y="3184902"/>
                <a:ext cx="1728111" cy="294467"/>
              </a:xfrm>
              <a:prstGeom prst="rect">
                <a:avLst/>
              </a:prstGeom>
              <a:noFill/>
            </p:spPr>
            <p:txBody>
              <a:bodyPr wrap="none" lIns="72000" tIns="72000" rIns="72000" bIns="72000" rtlCol="0">
                <a:noAutofit/>
              </a:bodyPr>
              <a:lstStyle/>
              <a:p>
                <a:r>
                  <a:rPr lang="pl-PL" sz="1000" dirty="0">
                    <a:solidFill>
                      <a:schemeClr val="accent3"/>
                    </a:solidFill>
                  </a:rPr>
                  <a:t>Green (G): Closed</a:t>
                </a:r>
              </a:p>
              <a:p>
                <a:endParaRPr lang="en-US" sz="1000" dirty="0" err="1">
                  <a:solidFill>
                    <a:schemeClr val="accent3"/>
                  </a:solidFill>
                </a:endParaRPr>
              </a:p>
            </p:txBody>
          </p:sp>
        </p:grpSp>
        <p:grpSp>
          <p:nvGrpSpPr>
            <p:cNvPr id="44" name="Group 43">
              <a:extLst>
                <a:ext uri="{FF2B5EF4-FFF2-40B4-BE49-F238E27FC236}">
                  <a16:creationId xmlns:a16="http://schemas.microsoft.com/office/drawing/2014/main" id="{60961308-27C3-4CBD-A36C-EFA70F09264F}"/>
                </a:ext>
              </a:extLst>
            </p:cNvPr>
            <p:cNvGrpSpPr/>
            <p:nvPr/>
          </p:nvGrpSpPr>
          <p:grpSpPr>
            <a:xfrm>
              <a:off x="7128945" y="6403562"/>
              <a:ext cx="1869804" cy="294467"/>
              <a:chOff x="2214048" y="3184902"/>
              <a:chExt cx="1869804" cy="294467"/>
            </a:xfrm>
          </p:grpSpPr>
          <p:sp>
            <p:nvSpPr>
              <p:cNvPr id="46" name="Oval 45">
                <a:extLst>
                  <a:ext uri="{FF2B5EF4-FFF2-40B4-BE49-F238E27FC236}">
                    <a16:creationId xmlns:a16="http://schemas.microsoft.com/office/drawing/2014/main" id="{A2EB5E0B-13CA-4213-A0A0-E2B4B4EB8482}"/>
                  </a:ext>
                </a:extLst>
              </p:cNvPr>
              <p:cNvSpPr/>
              <p:nvPr/>
            </p:nvSpPr>
            <p:spPr bwMode="gray">
              <a:xfrm>
                <a:off x="2214048" y="3257633"/>
                <a:ext cx="144000" cy="144000"/>
              </a:xfrm>
              <a:prstGeom prst="ellipse">
                <a:avLst/>
              </a:prstGeom>
              <a:solidFill>
                <a:schemeClr val="tx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400" dirty="0" err="1"/>
              </a:p>
            </p:txBody>
          </p:sp>
          <p:sp>
            <p:nvSpPr>
              <p:cNvPr id="47" name="TextBox 46">
                <a:extLst>
                  <a:ext uri="{FF2B5EF4-FFF2-40B4-BE49-F238E27FC236}">
                    <a16:creationId xmlns:a16="http://schemas.microsoft.com/office/drawing/2014/main" id="{A97F9206-AB36-4504-AF5F-AD5EB7E72053}"/>
                  </a:ext>
                </a:extLst>
              </p:cNvPr>
              <p:cNvSpPr txBox="1"/>
              <p:nvPr/>
            </p:nvSpPr>
            <p:spPr bwMode="gray">
              <a:xfrm>
                <a:off x="2355741" y="3184902"/>
                <a:ext cx="1728111" cy="294467"/>
              </a:xfrm>
              <a:prstGeom prst="rect">
                <a:avLst/>
              </a:prstGeom>
              <a:noFill/>
            </p:spPr>
            <p:txBody>
              <a:bodyPr wrap="none" lIns="72000" tIns="72000" rIns="72000" bIns="72000" rtlCol="0">
                <a:noAutofit/>
              </a:bodyPr>
              <a:lstStyle/>
              <a:p>
                <a:r>
                  <a:rPr lang="pl-PL" sz="1000" dirty="0">
                    <a:solidFill>
                      <a:schemeClr val="accent3"/>
                    </a:solidFill>
                  </a:rPr>
                  <a:t>Red (R): Delayed</a:t>
                </a:r>
              </a:p>
              <a:p>
                <a:endParaRPr lang="en-US" sz="1000" dirty="0" err="1">
                  <a:solidFill>
                    <a:schemeClr val="accent3"/>
                  </a:solidFill>
                </a:endParaRPr>
              </a:p>
            </p:txBody>
          </p:sp>
        </p:grpSp>
        <p:sp>
          <p:nvSpPr>
            <p:cNvPr id="45" name="TextBox 44">
              <a:extLst>
                <a:ext uri="{FF2B5EF4-FFF2-40B4-BE49-F238E27FC236}">
                  <a16:creationId xmlns:a16="http://schemas.microsoft.com/office/drawing/2014/main" id="{E95EFC57-E5D3-41DC-9DD6-668919741045}"/>
                </a:ext>
              </a:extLst>
            </p:cNvPr>
            <p:cNvSpPr txBox="1"/>
            <p:nvPr/>
          </p:nvSpPr>
          <p:spPr bwMode="gray">
            <a:xfrm>
              <a:off x="2823824" y="6393390"/>
              <a:ext cx="520247" cy="294467"/>
            </a:xfrm>
            <a:prstGeom prst="rect">
              <a:avLst/>
            </a:prstGeom>
            <a:noFill/>
          </p:spPr>
          <p:txBody>
            <a:bodyPr wrap="none" lIns="72000" tIns="72000" rIns="72000" bIns="72000" rtlCol="0">
              <a:noAutofit/>
            </a:bodyPr>
            <a:lstStyle/>
            <a:p>
              <a:r>
                <a:rPr lang="pl-PL" sz="1000" dirty="0">
                  <a:solidFill>
                    <a:schemeClr val="accent3"/>
                  </a:solidFill>
                </a:rPr>
                <a:t>Status:</a:t>
              </a:r>
            </a:p>
            <a:p>
              <a:endParaRPr lang="en-US" sz="1000" dirty="0" err="1">
                <a:solidFill>
                  <a:schemeClr val="accent3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121503398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ubtitle 6" hidden="1">
            <a:extLst>
              <a:ext uri="{FF2B5EF4-FFF2-40B4-BE49-F238E27FC236}">
                <a16:creationId xmlns:a16="http://schemas.microsoft.com/office/drawing/2014/main" id="{F5041BFF-4EBB-4FB0-883A-128ECA892365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pl-P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B232DD0-7950-4A85-AD37-F1CCA2516D0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F03BE5-0187-4361-9843-98F473B794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ctry_range">
            <a:extLst>
              <a:ext uri="{FF2B5EF4-FFF2-40B4-BE49-F238E27FC236}">
                <a16:creationId xmlns:a16="http://schemas.microsoft.com/office/drawing/2014/main" id="{0C7FBAF5-8CEA-4947-9B3A-857461DA221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95438" y="3225800"/>
            <a:ext cx="8815387" cy="665163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/>
              <a:t> </a:t>
            </a:r>
            <a:r>
              <a:rPr lang="en-US" i="1" dirty="0">
                <a:solidFill>
                  <a:schemeClr val="tx2"/>
                </a:solidFill>
              </a:rPr>
              <a:t>Country</a:t>
            </a:r>
            <a:r>
              <a:rPr lang="en-US" dirty="0">
                <a:solidFill>
                  <a:schemeClr val="tx2"/>
                </a:solidFill>
              </a:rPr>
              <a:t> </a:t>
            </a:r>
            <a:r>
              <a:rPr lang="en-US" dirty="0"/>
              <a:t>Monthly Review | Front Offic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9010572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DD5C92C-0BC6-45C9-97E4-63CC1F45E5F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E71349D-E7A9-43BE-8889-DB47EAC3D11E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7C82C03-065E-44AC-B7D5-44DF59B2594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Volumes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987953A3-BB7A-469F-8406-017C98D96220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2C0844D2-2EA5-49CC-B09E-C5B5CA550BC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On Time Delivery (OTD)</a:t>
            </a:r>
          </a:p>
          <a:p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EC5028DB-1A9C-4350-BED2-60EF8CF1A02B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B9ABA7DF-BEB2-4999-AE93-E47890D7735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pl-PL" dirty="0" err="1"/>
              <a:t>Attrition</a:t>
            </a:r>
            <a:endParaRPr lang="pl-PL" dirty="0"/>
          </a:p>
        </p:txBody>
      </p:sp>
      <p:sp>
        <p:nvSpPr>
          <p:cNvPr id="25" name="month_range">
            <a:extLst>
              <a:ext uri="{FF2B5EF4-FFF2-40B4-BE49-F238E27FC236}">
                <a16:creationId xmlns:a16="http://schemas.microsoft.com/office/drawing/2014/main" id="{C399A808-F6AE-4BCA-B871-B1D310A9D822}"/>
              </a:ext>
            </a:extLst>
          </p:cNvPr>
          <p:cNvSpPr txBox="1">
            <a:spLocks noGrp="1"/>
          </p:cNvSpPr>
          <p:nvPr>
            <p:ph type="ftr" sz="quarter" idx="11"/>
          </p:nvPr>
        </p:nvSpPr>
        <p:spPr>
          <a:xfrm>
            <a:off x="266700" y="6556375"/>
            <a:ext cx="8851900" cy="211138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ptember, 2020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D9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6" name="CFArea">
            <a:extLst>
              <a:ext uri="{FF2B5EF4-FFF2-40B4-BE49-F238E27FC236}">
                <a16:creationId xmlns:a16="http://schemas.microsoft.com/office/drawing/2014/main" id="{F7A85200-7B64-4147-BF4D-8AC38BE08FEF}"/>
              </a:ext>
            </a:extLst>
          </p:cNvPr>
          <p:cNvSpPr/>
          <p:nvPr/>
        </p:nvSpPr>
        <p:spPr bwMode="gray">
          <a:xfrm>
            <a:off x="263525" y="1125539"/>
            <a:ext cx="3673476" cy="1962765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53972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95%</a:t>
            </a: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(973)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Very good / Good</a:t>
            </a: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;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5% (56) not </a:t>
            </a:r>
            <a:r>
              <a:rPr kumimoji="0" lang="pl-PL" sz="14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tisfied</a:t>
            </a:r>
            <a:endParaRPr kumimoji="0" lang="pl-PL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</a:t>
            </a:r>
            <a:r>
              <a:rPr kumimoji="0" lang="en-US" sz="14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esponse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rate</a:t>
            </a: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5%</a:t>
            </a: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(1029 </a:t>
            </a:r>
            <a:r>
              <a:rPr kumimoji="0" lang="pl-PL" sz="14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nswers</a:t>
            </a: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)</a:t>
            </a:r>
          </a:p>
        </p:txBody>
      </p:sp>
      <p:sp>
        <p:nvSpPr>
          <p:cNvPr id="28" name="VolumeArea">
            <a:extLst>
              <a:ext uri="{FF2B5EF4-FFF2-40B4-BE49-F238E27FC236}">
                <a16:creationId xmlns:a16="http://schemas.microsoft.com/office/drawing/2014/main" id="{CCC91ED8-2022-450A-8107-F38F3C33240C}"/>
              </a:ext>
            </a:extLst>
          </p:cNvPr>
          <p:cNvSpPr/>
          <p:nvPr/>
        </p:nvSpPr>
        <p:spPr bwMode="gray">
          <a:xfrm>
            <a:off x="4259881" y="1125539"/>
            <a:ext cx="3673476" cy="1997461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53972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93879 created / 96800 close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CAArea">
            <a:extLst>
              <a:ext uri="{FF2B5EF4-FFF2-40B4-BE49-F238E27FC236}">
                <a16:creationId xmlns:a16="http://schemas.microsoft.com/office/drawing/2014/main" id="{19C3C8A2-7A92-475D-BDB2-0E1A02136285}"/>
              </a:ext>
            </a:extLst>
          </p:cNvPr>
          <p:cNvSpPr/>
          <p:nvPr/>
        </p:nvSpPr>
        <p:spPr bwMode="gray">
          <a:xfrm>
            <a:off x="8254999" y="1125539"/>
            <a:ext cx="3673476" cy="1943840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53972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48% ageing &lt;15d / 13% 15-30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/ 12% 30-60d / 18% 60-180d / 9% &gt;180d</a:t>
            </a:r>
            <a:endParaRPr kumimoji="0" lang="pl-PL" sz="1400" b="0" i="0" u="none" strike="noStrike" kern="1200" cap="none" spc="0" normalizeH="0" baseline="0" noProof="0" dirty="0">
              <a:ln>
                <a:noFill/>
              </a:ln>
              <a:solidFill>
                <a:srgbClr val="FF0026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pen workload 4258</a:t>
            </a:r>
            <a:endParaRPr kumimoji="0" lang="en-US" sz="1400" b="1" i="0" u="none" strike="noStrike" kern="1200" cap="none" spc="0" normalizeH="0" baseline="0" noProof="0" dirty="0">
              <a:ln>
                <a:noFill/>
              </a:ln>
              <a:solidFill>
                <a:srgbClr val="D9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OTDArea">
            <a:extLst>
              <a:ext uri="{FF2B5EF4-FFF2-40B4-BE49-F238E27FC236}">
                <a16:creationId xmlns:a16="http://schemas.microsoft.com/office/drawing/2014/main" id="{4DF533AA-FCAB-436F-ADC0-714F48D21AE4}"/>
              </a:ext>
            </a:extLst>
          </p:cNvPr>
          <p:cNvSpPr/>
          <p:nvPr/>
        </p:nvSpPr>
        <p:spPr bwMode="gray">
          <a:xfrm>
            <a:off x="270514" y="3861048"/>
            <a:ext cx="3673476" cy="1932336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252000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88% On Time Delivery</a:t>
            </a:r>
          </a:p>
        </p:txBody>
      </p:sp>
      <p:sp>
        <p:nvSpPr>
          <p:cNvPr id="34" name="QCArea">
            <a:extLst>
              <a:ext uri="{FF2B5EF4-FFF2-40B4-BE49-F238E27FC236}">
                <a16:creationId xmlns:a16="http://schemas.microsoft.com/office/drawing/2014/main" id="{0F61B410-7185-4F9C-9AE5-F40CFFAC3958}"/>
              </a:ext>
            </a:extLst>
          </p:cNvPr>
          <p:cNvSpPr/>
          <p:nvPr/>
        </p:nvSpPr>
        <p:spPr bwMode="gray">
          <a:xfrm>
            <a:off x="4264619" y="3861048"/>
            <a:ext cx="3673476" cy="1932336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53972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4% (3676) QC done, out of it: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98% (3605) passed / 2% (71) faile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96% (92889) QC n/a</a:t>
            </a: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0026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6" name="ProdArea">
            <a:extLst>
              <a:ext uri="{FF2B5EF4-FFF2-40B4-BE49-F238E27FC236}">
                <a16:creationId xmlns:a16="http://schemas.microsoft.com/office/drawing/2014/main" id="{9DFEA70D-B29F-4E60-A27A-BF07C373DD15}"/>
              </a:ext>
            </a:extLst>
          </p:cNvPr>
          <p:cNvSpPr/>
          <p:nvPr/>
        </p:nvSpPr>
        <p:spPr bwMode="gray">
          <a:xfrm>
            <a:off x="8239779" y="3861048"/>
            <a:ext cx="3688695" cy="1936335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252000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400" b="0" i="0" u="none" strike="noStrike" kern="1200" cap="none" spc="0" normalizeH="0" baseline="0" noProof="0" dirty="0" err="1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ttrition</a:t>
            </a: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0026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57" name="Picture 26">
            <a:extLst>
              <a:ext uri="{FF2B5EF4-FFF2-40B4-BE49-F238E27FC236}">
                <a16:creationId xmlns:a16="http://schemas.microsoft.com/office/drawing/2014/main" id="{BD1B4FC5-3A53-4EC3-8C0F-9EFC74033BAF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rcRect t="8215" b="8215"/>
          <a:stretch>
            <a:fillRect/>
          </a:stretch>
        </p:blipFill>
        <p:spPr>
          <a:xfrm>
            <a:off x="1756962" y="1704454"/>
            <a:ext cx="686602" cy="573790"/>
          </a:xfrm>
          <a:prstGeom prst="rect">
            <a:avLst/>
          </a:prstGeom>
        </p:spPr>
      </p:pic>
      <p:pic>
        <p:nvPicPr>
          <p:cNvPr id="41" name="Picture 28">
            <a:extLst>
              <a:ext uri="{FF2B5EF4-FFF2-40B4-BE49-F238E27FC236}">
                <a16:creationId xmlns:a16="http://schemas.microsoft.com/office/drawing/2014/main" id="{66C5D11B-C5B0-4B6D-888D-B4703203F77A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>
            <a:fillRect/>
          </a:stretch>
        </p:blipFill>
        <p:spPr>
          <a:xfrm>
            <a:off x="5792419" y="1696812"/>
            <a:ext cx="608400" cy="608400"/>
          </a:xfrm>
          <a:prstGeom prst="rect">
            <a:avLst/>
          </a:prstGeom>
        </p:spPr>
      </p:pic>
      <p:pic>
        <p:nvPicPr>
          <p:cNvPr id="37" name="Graphic 36">
            <a:extLst>
              <a:ext uri="{FF2B5EF4-FFF2-40B4-BE49-F238E27FC236}">
                <a16:creationId xmlns:a16="http://schemas.microsoft.com/office/drawing/2014/main" id="{3F584D55-590B-400B-9DD8-75242BB0AEA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9781202" y="4279549"/>
            <a:ext cx="593075" cy="774833"/>
          </a:xfrm>
          <a:prstGeom prst="rect">
            <a:avLst/>
          </a:prstGeom>
        </p:spPr>
      </p:pic>
      <p:pic>
        <p:nvPicPr>
          <p:cNvPr id="5" name="Picture 30">
            <a:extLst>
              <a:ext uri="{FF2B5EF4-FFF2-40B4-BE49-F238E27FC236}">
                <a16:creationId xmlns:a16="http://schemas.microsoft.com/office/drawing/2014/main" id="{F68F7267-1220-474E-A550-A053DB2504A1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rcRect l="5954" r="5954"/>
          <a:stretch>
            <a:fillRect/>
          </a:stretch>
        </p:blipFill>
        <p:spPr>
          <a:xfrm>
            <a:off x="9822808" y="1685529"/>
            <a:ext cx="537861" cy="610572"/>
          </a:xfrm>
          <a:prstGeom prst="rect">
            <a:avLst/>
          </a:prstGeom>
        </p:spPr>
      </p:pic>
      <p:pic>
        <p:nvPicPr>
          <p:cNvPr id="49" name="Picture 32">
            <a:extLst>
              <a:ext uri="{FF2B5EF4-FFF2-40B4-BE49-F238E27FC236}">
                <a16:creationId xmlns:a16="http://schemas.microsoft.com/office/drawing/2014/main" id="{BD069413-E706-4347-8610-0A779B2149C5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rcRect l="6509" r="6509"/>
          <a:stretch>
            <a:fillRect/>
          </a:stretch>
        </p:blipFill>
        <p:spPr>
          <a:xfrm>
            <a:off x="1821035" y="4351159"/>
            <a:ext cx="549391" cy="631612"/>
          </a:xfrm>
          <a:prstGeom prst="rect">
            <a:avLst/>
          </a:prstGeom>
        </p:spPr>
      </p:pic>
      <p:pic>
        <p:nvPicPr>
          <p:cNvPr id="65" name="Picture 34">
            <a:extLst>
              <a:ext uri="{FF2B5EF4-FFF2-40B4-BE49-F238E27FC236}">
                <a16:creationId xmlns:a16="http://schemas.microsoft.com/office/drawing/2014/main" id="{CCCA3B07-8B80-41C5-889B-E503094BE4CC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8">
            <a:extLst>
              <a:ext uri="{96DAC541-7B7A-43D3-8B79-37D633B846F1}">
                <asvg:svgBlip xmlns:asvg="http://schemas.microsoft.com/office/drawing/2016/SVG/main" r:embed="rId19"/>
              </a:ext>
            </a:extLst>
          </a:blip>
          <a:srcRect l="6698" r="6698"/>
          <a:stretch>
            <a:fillRect/>
          </a:stretch>
        </p:blipFill>
        <p:spPr>
          <a:xfrm>
            <a:off x="5827857" y="4459755"/>
            <a:ext cx="547003" cy="631612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A3FF6D71-5A29-4FF5-8942-C607396379AA}"/>
              </a:ext>
            </a:extLst>
          </p:cNvPr>
          <p:cNvSpPr txBox="1"/>
          <p:nvPr/>
        </p:nvSpPr>
        <p:spPr>
          <a:xfrm>
            <a:off x="4449452" y="3932186"/>
            <a:ext cx="3374795" cy="527569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1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89" name="Graphic 88">
            <a:extLst>
              <a:ext uri="{FF2B5EF4-FFF2-40B4-BE49-F238E27FC236}">
                <a16:creationId xmlns:a16="http://schemas.microsoft.com/office/drawing/2014/main" id="{F4FBA0B1-4408-4D3C-9A9C-529762280056}"/>
              </a:ext>
            </a:extLst>
          </p:cNvPr>
          <p:cNvPicPr>
            <a:picLocks/>
          </p:cNvPicPr>
          <p:nvPr>
            <p:custDataLst>
              <p:tags r:id="rId6"/>
            </p:custDataLst>
          </p:nvPr>
        </p:nvPicPr>
        <p:blipFill>
          <a:blip r:embed="rId20">
            <a:extLst>
              <a:ext uri="{96DAC541-7B7A-43D3-8B79-37D633B846F1}">
                <asvg:svgBlip xmlns:asvg="http://schemas.microsoft.com/office/drawing/2016/SVG/main" r:embed="rId21"/>
              </a:ext>
            </a:extLst>
          </a:blip>
          <a:srcRect l="4876" r="4876"/>
          <a:stretch>
            <a:fillRect/>
          </a:stretch>
        </p:blipFill>
        <p:spPr>
          <a:xfrm>
            <a:off x="9798669" y="4533942"/>
            <a:ext cx="536633" cy="594627"/>
          </a:xfrm>
          <a:prstGeom prst="rect">
            <a:avLst/>
          </a:prstGeom>
        </p:spPr>
      </p:pic>
      <p:sp>
        <p:nvSpPr>
          <p:cNvPr id="27" name="ctry_range">
            <a:extLst>
              <a:ext uri="{FF2B5EF4-FFF2-40B4-BE49-F238E27FC236}">
                <a16:creationId xmlns:a16="http://schemas.microsoft.com/office/drawing/2014/main" id="{32301574-C745-4961-962A-2FD67D6C9DAB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erformance</a:t>
            </a:r>
            <a:r>
              <a:rPr kumimoji="0" lang="en-US" sz="1400" b="1" i="0" u="none" strike="noStrike" kern="1200" cap="none" spc="0" normalizeH="0" baseline="0" noProof="0" dirty="0">
                <a:ln>
                  <a:noFill/>
                </a:ln>
                <a:solidFill>
                  <a:srgbClr val="D9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Country 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t a glance – </a:t>
            </a: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srgbClr val="D9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O 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D9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view</a:t>
            </a:r>
          </a:p>
        </p:txBody>
      </p:sp>
      <p:sp>
        <p:nvSpPr>
          <p:cNvPr id="31" name="Title 5">
            <a:extLst>
              <a:ext uri="{FF2B5EF4-FFF2-40B4-BE49-F238E27FC236}">
                <a16:creationId xmlns:a16="http://schemas.microsoft.com/office/drawing/2014/main" id="{247BB69E-FCAD-48EF-AA6D-F4990A091F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/>
          <a:lstStyle/>
          <a:p>
            <a:r>
              <a:rPr lang="en-US" dirty="0"/>
              <a:t>Executive Summary</a:t>
            </a:r>
            <a:endParaRPr lang="pl-PL" dirty="0"/>
          </a:p>
        </p:txBody>
      </p:sp>
    </p:spTree>
    <p:extLst>
      <p:ext uri="{BB962C8B-B14F-4D97-AF65-F5344CB8AC3E}">
        <p14:creationId xmlns:p14="http://schemas.microsoft.com/office/powerpoint/2010/main" val="36115537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en-US" dirty="0"/>
              <a:t>Front Office | Talent Acquisition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179612622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en-US" dirty="0"/>
              <a:t>Front Office | Employee Lifecycle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154170434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en-US" dirty="0"/>
              <a:t>Front Office | Payroll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284290762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en-US" dirty="0"/>
              <a:t>Front Office | Compensation &amp; Benefits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66026801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en-US" dirty="0"/>
              <a:t>Front Office | Learning &amp; Development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263616512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A4A4118-4D09-40E3-919D-7D95481532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E123AB3-BD92-449F-B566-487B57600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9A2A693D-F8C7-45A8-9D5E-D2468827C70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r>
              <a:rPr lang="pl-PL" dirty="0" err="1"/>
              <a:t>Customer</a:t>
            </a:r>
            <a:r>
              <a:rPr lang="pl-PL" dirty="0"/>
              <a:t> </a:t>
            </a:r>
            <a:r>
              <a:rPr lang="pl-PL" dirty="0" err="1"/>
              <a:t>Satisfaction</a:t>
            </a:r>
            <a:endParaRPr lang="pl-PL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40DA8704-5F23-4167-91CE-BD04C4B15CA8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On Time Delivery (OTD)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7E0F76-BA2F-4475-935D-64EE62DA5674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Quality</a:t>
            </a:r>
          </a:p>
          <a:p>
            <a:endParaRPr lang="pl-PL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5898D335-4F0A-4061-93D2-D84E14C6862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/>
        <p:txBody>
          <a:bodyPr/>
          <a:lstStyle/>
          <a:p>
            <a:r>
              <a:rPr lang="en-US" dirty="0">
                <a:solidFill>
                  <a:srgbClr val="FF0000"/>
                </a:solidFill>
              </a:rPr>
              <a:t>Case Ageing over 180 day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C3114358-4C5F-4600-B918-CD1FF94076A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584D60A2-4F1B-48AF-99BC-402C81CBC450}"/>
              </a:ext>
            </a:extLst>
          </p:cNvPr>
          <p:cNvSpPr>
            <a:spLocks noGrp="1"/>
          </p:cNvSpPr>
          <p:nvPr>
            <p:ph type="pic" sz="quarter" idx="48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7FE73D8F-A525-4A0A-A2F9-5F2327487F91}"/>
              </a:ext>
            </a:extLst>
          </p:cNvPr>
          <p:cNvSpPr>
            <a:spLocks noGrp="1"/>
          </p:cNvSpPr>
          <p:nvPr>
            <p:ph type="pic" sz="quarter" idx="49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8D743F2D-F7C2-494F-AE0B-4483A35B3A4C}"/>
              </a:ext>
            </a:extLst>
          </p:cNvPr>
          <p:cNvSpPr>
            <a:spLocks noGrp="1"/>
          </p:cNvSpPr>
          <p:nvPr>
            <p:ph type="pic" sz="quarter" idx="50"/>
          </p:nvPr>
        </p:nvSpPr>
        <p:spPr/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C7A145F-7F59-4444-B003-DA152AF69AB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cutive Summary</a:t>
            </a:r>
            <a:endParaRPr lang="pl-PL" dirty="0"/>
          </a:p>
        </p:txBody>
      </p:sp>
      <p:sp>
        <p:nvSpPr>
          <p:cNvPr id="23" name="csatChart_area" hidden="1">
            <a:extLst>
              <a:ext uri="{FF2B5EF4-FFF2-40B4-BE49-F238E27FC236}">
                <a16:creationId xmlns:a16="http://schemas.microsoft.com/office/drawing/2014/main" id="{A3C69F3A-0F46-4E6A-8C2D-CD8252A751FB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3903662"/>
            <a:ext cx="2700338" cy="2152817"/>
          </a:xfrm>
          <a:prstGeom prst="rect">
            <a:avLst/>
          </a:prstGeom>
          <a:noFill/>
          <a:ln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endParaRPr lang="pl-PL" dirty="0"/>
          </a:p>
        </p:txBody>
      </p:sp>
      <p:sp>
        <p:nvSpPr>
          <p:cNvPr id="24" name="otdChart_area" hidden="1">
            <a:extLst>
              <a:ext uri="{FF2B5EF4-FFF2-40B4-BE49-F238E27FC236}">
                <a16:creationId xmlns:a16="http://schemas.microsoft.com/office/drawing/2014/main" id="{C4DF3A7B-21F9-44EE-B30D-1A8C50E76161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51200" y="3903663"/>
            <a:ext cx="2700338" cy="2152816"/>
          </a:xfrm>
          <a:prstGeom prst="rect">
            <a:avLst/>
          </a:prstGeom>
          <a:noFill/>
          <a:ln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endParaRPr lang="pl-PL" dirty="0"/>
          </a:p>
        </p:txBody>
      </p:sp>
      <p:sp>
        <p:nvSpPr>
          <p:cNvPr id="25" name="qcChart_area" hidden="1">
            <a:extLst>
              <a:ext uri="{FF2B5EF4-FFF2-40B4-BE49-F238E27FC236}">
                <a16:creationId xmlns:a16="http://schemas.microsoft.com/office/drawing/2014/main" id="{E73A9E38-6641-437F-A806-3C5BD81B6B51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6240463" y="3903663"/>
            <a:ext cx="2700337" cy="2152816"/>
          </a:xfrm>
          <a:prstGeom prst="rect">
            <a:avLst/>
          </a:prstGeom>
          <a:noFill/>
          <a:ln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endParaRPr lang="pl-PL" dirty="0"/>
          </a:p>
        </p:txBody>
      </p:sp>
      <p:sp>
        <p:nvSpPr>
          <p:cNvPr id="26" name="caChart_area" hidden="1">
            <a:extLst>
              <a:ext uri="{FF2B5EF4-FFF2-40B4-BE49-F238E27FC236}">
                <a16:creationId xmlns:a16="http://schemas.microsoft.com/office/drawing/2014/main" id="{D11C09E2-06C3-4998-8ADA-C129320270BB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9228138" y="3903663"/>
            <a:ext cx="2700337" cy="2152816"/>
          </a:xfrm>
          <a:prstGeom prst="rect">
            <a:avLst/>
          </a:prstGeom>
          <a:noFill/>
          <a:ln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endParaRPr lang="pl-PL" dirty="0"/>
          </a:p>
        </p:txBody>
      </p:sp>
      <p:sp>
        <p:nvSpPr>
          <p:cNvPr id="17" name="ctry_range">
            <a:extLst>
              <a:ext uri="{FF2B5EF4-FFF2-40B4-BE49-F238E27FC236}">
                <a16:creationId xmlns:a16="http://schemas.microsoft.com/office/drawing/2014/main" id="{4F9105E3-721F-4C4F-9202-05F7F6724440}"/>
              </a:ext>
            </a:extLst>
          </p:cNvPr>
          <p:cNvSpPr txBox="1">
            <a:spLocks/>
          </p:cNvSpPr>
          <p:nvPr/>
        </p:nvSpPr>
        <p:spPr>
          <a:xfrm>
            <a:off x="333264" y="1085213"/>
            <a:ext cx="11520000" cy="504000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</a:t>
            </a:r>
            <a:r>
              <a:rPr lang="en-US" b="1" dirty="0">
                <a:solidFill>
                  <a:srgbClr val="D90000"/>
                </a:solidFill>
              </a:rPr>
              <a:t> Country </a:t>
            </a:r>
            <a:r>
              <a:rPr lang="en-US" dirty="0"/>
              <a:t>at a glance – </a:t>
            </a:r>
            <a:r>
              <a:rPr lang="pl-PL" dirty="0">
                <a:solidFill>
                  <a:schemeClr val="tx2"/>
                </a:solidFill>
              </a:rPr>
              <a:t>HR Center</a:t>
            </a:r>
            <a:r>
              <a:rPr lang="en-US" dirty="0">
                <a:solidFill>
                  <a:schemeClr val="tx2"/>
                </a:solidFill>
              </a:rPr>
              <a:t> and </a:t>
            </a:r>
            <a:r>
              <a:rPr lang="pl-PL" dirty="0">
                <a:solidFill>
                  <a:schemeClr val="tx2"/>
                </a:solidFill>
              </a:rPr>
              <a:t>FO</a:t>
            </a:r>
            <a:r>
              <a:rPr lang="en-US" dirty="0">
                <a:solidFill>
                  <a:schemeClr val="tx2"/>
                </a:solidFill>
              </a:rPr>
              <a:t> view</a:t>
            </a:r>
          </a:p>
        </p:txBody>
      </p:sp>
    </p:spTree>
    <p:extLst>
      <p:ext uri="{BB962C8B-B14F-4D97-AF65-F5344CB8AC3E}">
        <p14:creationId xmlns:p14="http://schemas.microsoft.com/office/powerpoint/2010/main" val="35424522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0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en-US" dirty="0"/>
              <a:t>Front Office | Talent Management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205323261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en-US" dirty="0"/>
              <a:t>Front Office | People Analytics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169035192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en-US" dirty="0"/>
              <a:t>Front Office | </a:t>
            </a:r>
            <a:r>
              <a:rPr lang="pl-PL" dirty="0" err="1"/>
              <a:t>Tier</a:t>
            </a:r>
            <a:r>
              <a:rPr lang="pl-PL" dirty="0"/>
              <a:t> 1</a:t>
            </a:r>
            <a:endParaRPr lang="en-US" dirty="0"/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104416667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F3837AE-7D8A-431A-BBAC-B23F59D3EB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23</a:t>
            </a:fld>
            <a:endParaRPr lang="en-US" dirty="0"/>
          </a:p>
        </p:txBody>
      </p:sp>
      <p:graphicFrame>
        <p:nvGraphicFramePr>
          <p:cNvPr id="28" name="Table 28">
            <a:extLst>
              <a:ext uri="{FF2B5EF4-FFF2-40B4-BE49-F238E27FC236}">
                <a16:creationId xmlns:a16="http://schemas.microsoft.com/office/drawing/2014/main" id="{4C554DA9-CA55-43FB-894F-3C3AEF56FDDA}"/>
              </a:ext>
            </a:extLst>
          </p:cNvPr>
          <p:cNvGraphicFramePr>
            <a:graphicFrameLocks noGrp="1"/>
          </p:cNvGraphicFramePr>
          <p:nvPr>
            <p:ph sz="quarter" idx="19"/>
          </p:nvPr>
        </p:nvGraphicFramePr>
        <p:xfrm>
          <a:off x="263525" y="1844675"/>
          <a:ext cx="11664948" cy="4165600"/>
        </p:xfrm>
        <a:graphic>
          <a:graphicData uri="http://schemas.openxmlformats.org/drawingml/2006/table">
            <a:tbl>
              <a:tblPr firstRow="1" bandRow="1">
                <a:tableStyleId>{00A15C55-8517-42AA-B614-E9B94910E393}</a:tableStyleId>
              </a:tblPr>
              <a:tblGrid>
                <a:gridCol w="578686">
                  <a:extLst>
                    <a:ext uri="{9D8B030D-6E8A-4147-A177-3AD203B41FA5}">
                      <a16:colId xmlns:a16="http://schemas.microsoft.com/office/drawing/2014/main" val="1951769221"/>
                    </a:ext>
                  </a:extLst>
                </a:gridCol>
                <a:gridCol w="1251284">
                  <a:extLst>
                    <a:ext uri="{9D8B030D-6E8A-4147-A177-3AD203B41FA5}">
                      <a16:colId xmlns:a16="http://schemas.microsoft.com/office/drawing/2014/main" val="2439726721"/>
                    </a:ext>
                  </a:extLst>
                </a:gridCol>
                <a:gridCol w="3615489">
                  <a:extLst>
                    <a:ext uri="{9D8B030D-6E8A-4147-A177-3AD203B41FA5}">
                      <a16:colId xmlns:a16="http://schemas.microsoft.com/office/drawing/2014/main" val="3661755934"/>
                    </a:ext>
                  </a:extLst>
                </a:gridCol>
                <a:gridCol w="2331173">
                  <a:extLst>
                    <a:ext uri="{9D8B030D-6E8A-4147-A177-3AD203B41FA5}">
                      <a16:colId xmlns:a16="http://schemas.microsoft.com/office/drawing/2014/main" val="222098036"/>
                    </a:ext>
                  </a:extLst>
                </a:gridCol>
                <a:gridCol w="3161243">
                  <a:extLst>
                    <a:ext uri="{9D8B030D-6E8A-4147-A177-3AD203B41FA5}">
                      <a16:colId xmlns:a16="http://schemas.microsoft.com/office/drawing/2014/main" val="1111651368"/>
                    </a:ext>
                  </a:extLst>
                </a:gridCol>
                <a:gridCol w="727073">
                  <a:extLst>
                    <a:ext uri="{9D8B030D-6E8A-4147-A177-3AD203B41FA5}">
                      <a16:colId xmlns:a16="http://schemas.microsoft.com/office/drawing/2014/main" val="1527228073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pl-PL" dirty="0"/>
                        <a:t>SL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pl-PL" b="1" dirty="0" err="1"/>
                        <a:t>Category</a:t>
                      </a:r>
                      <a:r>
                        <a:rPr lang="pl-PL" b="1" dirty="0"/>
                        <a:t> (</a:t>
                      </a:r>
                      <a:r>
                        <a:rPr lang="pl-PL" b="1" dirty="0" err="1"/>
                        <a:t>Esc</a:t>
                      </a:r>
                      <a:r>
                        <a:rPr lang="pl-PL" b="1" dirty="0"/>
                        <a:t>./ CSAT)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pl-PL" dirty="0" err="1"/>
                        <a:t>Description</a:t>
                      </a:r>
                      <a:r>
                        <a:rPr lang="pl-PL" dirty="0"/>
                        <a:t> of </a:t>
                      </a:r>
                      <a:r>
                        <a:rPr lang="pl-PL" dirty="0" err="1"/>
                        <a:t>issue</a:t>
                      </a:r>
                      <a:endParaRPr lang="pl-PL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Root Cause Analysis</a:t>
                      </a:r>
                      <a:endParaRPr lang="pl-PL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Initiated Action</a:t>
                      </a:r>
                      <a:endParaRPr lang="pl-PL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pl-PL" dirty="0"/>
                        <a:t>Statu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14257637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2537931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056488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786287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80653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260022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1258066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0597142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495224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3580135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pl-PL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99616051"/>
                  </a:ext>
                </a:extLst>
              </a:tr>
            </a:tbl>
          </a:graphicData>
        </a:graphic>
      </p:graphicFrame>
      <p:sp>
        <p:nvSpPr>
          <p:cNvPr id="26" name="ctry_range">
            <a:extLst>
              <a:ext uri="{FF2B5EF4-FFF2-40B4-BE49-F238E27FC236}">
                <a16:creationId xmlns:a16="http://schemas.microsoft.com/office/drawing/2014/main" id="{E17D39D6-B66D-4AA3-A447-A7689A07E07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en-US" dirty="0"/>
              <a:t>Front Office </a:t>
            </a:r>
          </a:p>
        </p:txBody>
      </p:sp>
      <p:sp>
        <p:nvSpPr>
          <p:cNvPr id="27" name="Subtitle 8">
            <a:extLst>
              <a:ext uri="{FF2B5EF4-FFF2-40B4-BE49-F238E27FC236}">
                <a16:creationId xmlns:a16="http://schemas.microsoft.com/office/drawing/2014/main" id="{BF18701C-D540-432F-BE3F-9738319689FB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263525" y="1473200"/>
            <a:ext cx="11664950" cy="252413"/>
          </a:xfrm>
        </p:spPr>
        <p:txBody>
          <a:bodyPr/>
          <a:lstStyle/>
          <a:p>
            <a:r>
              <a:rPr lang="en-US" dirty="0"/>
              <a:t>Root Cause Analysis Status | Escalations and Customer Satisfaction Survey (Results 3&amp;4)</a:t>
            </a:r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DB770BF3-0C20-4694-8D75-3CD3204D670D}"/>
              </a:ext>
            </a:extLst>
          </p:cNvPr>
          <p:cNvGrpSpPr/>
          <p:nvPr/>
        </p:nvGrpSpPr>
        <p:grpSpPr>
          <a:xfrm>
            <a:off x="2604129" y="6463361"/>
            <a:ext cx="6174925" cy="304639"/>
            <a:chOff x="2823824" y="6393390"/>
            <a:chExt cx="6174925" cy="304639"/>
          </a:xfrm>
        </p:grpSpPr>
        <p:grpSp>
          <p:nvGrpSpPr>
            <p:cNvPr id="42" name="Group 41">
              <a:extLst>
                <a:ext uri="{FF2B5EF4-FFF2-40B4-BE49-F238E27FC236}">
                  <a16:creationId xmlns:a16="http://schemas.microsoft.com/office/drawing/2014/main" id="{2230677C-124D-49CD-B719-AFCA4B2B526D}"/>
                </a:ext>
              </a:extLst>
            </p:cNvPr>
            <p:cNvGrpSpPr/>
            <p:nvPr/>
          </p:nvGrpSpPr>
          <p:grpSpPr>
            <a:xfrm>
              <a:off x="3597369" y="6395893"/>
              <a:ext cx="1869804" cy="294467"/>
              <a:chOff x="2214048" y="3184902"/>
              <a:chExt cx="1869804" cy="294467"/>
            </a:xfrm>
          </p:grpSpPr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DF6CA9FC-14A6-4D75-82AC-153750596D82}"/>
                  </a:ext>
                </a:extLst>
              </p:cNvPr>
              <p:cNvSpPr/>
              <p:nvPr/>
            </p:nvSpPr>
            <p:spPr bwMode="gray">
              <a:xfrm>
                <a:off x="2214048" y="3257633"/>
                <a:ext cx="144000" cy="144000"/>
              </a:xfrm>
              <a:prstGeom prst="ellipse">
                <a:avLst/>
              </a:prstGeom>
              <a:solidFill>
                <a:srgbClr val="FFC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400" dirty="0" err="1"/>
              </a:p>
            </p:txBody>
          </p:sp>
          <p:sp>
            <p:nvSpPr>
              <p:cNvPr id="51" name="TextBox 50">
                <a:extLst>
                  <a:ext uri="{FF2B5EF4-FFF2-40B4-BE49-F238E27FC236}">
                    <a16:creationId xmlns:a16="http://schemas.microsoft.com/office/drawing/2014/main" id="{63E1CC32-3FD6-4842-AAFB-F989854EE8DA}"/>
                  </a:ext>
                </a:extLst>
              </p:cNvPr>
              <p:cNvSpPr txBox="1"/>
              <p:nvPr/>
            </p:nvSpPr>
            <p:spPr bwMode="gray">
              <a:xfrm>
                <a:off x="2355741" y="3184902"/>
                <a:ext cx="1728111" cy="294467"/>
              </a:xfrm>
              <a:prstGeom prst="rect">
                <a:avLst/>
              </a:prstGeom>
              <a:noFill/>
            </p:spPr>
            <p:txBody>
              <a:bodyPr wrap="none" lIns="72000" tIns="72000" rIns="72000" bIns="72000" rtlCol="0">
                <a:noAutofit/>
              </a:bodyPr>
              <a:lstStyle/>
              <a:p>
                <a:r>
                  <a:rPr lang="pl-PL" sz="1000" dirty="0">
                    <a:solidFill>
                      <a:schemeClr val="accent3"/>
                    </a:solidFill>
                  </a:rPr>
                  <a:t>Amber (A): In Progress</a:t>
                </a:r>
              </a:p>
              <a:p>
                <a:endParaRPr lang="en-US" sz="1000" dirty="0" err="1">
                  <a:solidFill>
                    <a:schemeClr val="accent3"/>
                  </a:solidFill>
                </a:endParaRPr>
              </a:p>
            </p:txBody>
          </p:sp>
        </p:grpSp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15D2F29C-2280-4056-8CC2-6F290ACC55C0}"/>
                </a:ext>
              </a:extLst>
            </p:cNvPr>
            <p:cNvGrpSpPr/>
            <p:nvPr/>
          </p:nvGrpSpPr>
          <p:grpSpPr>
            <a:xfrm>
              <a:off x="5511955" y="6398396"/>
              <a:ext cx="1869804" cy="294467"/>
              <a:chOff x="2214048" y="3184902"/>
              <a:chExt cx="1869804" cy="294467"/>
            </a:xfrm>
          </p:grpSpPr>
          <p:sp>
            <p:nvSpPr>
              <p:cNvPr id="48" name="Oval 47">
                <a:extLst>
                  <a:ext uri="{FF2B5EF4-FFF2-40B4-BE49-F238E27FC236}">
                    <a16:creationId xmlns:a16="http://schemas.microsoft.com/office/drawing/2014/main" id="{6D5036B8-56DB-431C-AAD3-0C1FA8CC8D49}"/>
                  </a:ext>
                </a:extLst>
              </p:cNvPr>
              <p:cNvSpPr/>
              <p:nvPr/>
            </p:nvSpPr>
            <p:spPr bwMode="gray">
              <a:xfrm>
                <a:off x="2214048" y="3257633"/>
                <a:ext cx="144000" cy="144000"/>
              </a:xfrm>
              <a:prstGeom prst="ellipse">
                <a:avLst/>
              </a:prstGeom>
              <a:solidFill>
                <a:srgbClr val="00B05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400" dirty="0" err="1"/>
              </a:p>
            </p:txBody>
          </p:sp>
          <p:sp>
            <p:nvSpPr>
              <p:cNvPr id="49" name="TextBox 48">
                <a:extLst>
                  <a:ext uri="{FF2B5EF4-FFF2-40B4-BE49-F238E27FC236}">
                    <a16:creationId xmlns:a16="http://schemas.microsoft.com/office/drawing/2014/main" id="{87A367CF-FF58-4C73-9F1E-F5E148B0B212}"/>
                  </a:ext>
                </a:extLst>
              </p:cNvPr>
              <p:cNvSpPr txBox="1"/>
              <p:nvPr/>
            </p:nvSpPr>
            <p:spPr bwMode="gray">
              <a:xfrm>
                <a:off x="2355741" y="3184902"/>
                <a:ext cx="1728111" cy="294467"/>
              </a:xfrm>
              <a:prstGeom prst="rect">
                <a:avLst/>
              </a:prstGeom>
              <a:noFill/>
            </p:spPr>
            <p:txBody>
              <a:bodyPr wrap="none" lIns="72000" tIns="72000" rIns="72000" bIns="72000" rtlCol="0">
                <a:noAutofit/>
              </a:bodyPr>
              <a:lstStyle/>
              <a:p>
                <a:r>
                  <a:rPr lang="pl-PL" sz="1000" dirty="0">
                    <a:solidFill>
                      <a:schemeClr val="accent3"/>
                    </a:solidFill>
                  </a:rPr>
                  <a:t>Green (G): Closed</a:t>
                </a:r>
              </a:p>
              <a:p>
                <a:endParaRPr lang="en-US" sz="1000" dirty="0" err="1">
                  <a:solidFill>
                    <a:schemeClr val="accent3"/>
                  </a:solidFill>
                </a:endParaRPr>
              </a:p>
            </p:txBody>
          </p:sp>
        </p:grpSp>
        <p:grpSp>
          <p:nvGrpSpPr>
            <p:cNvPr id="44" name="Group 43">
              <a:extLst>
                <a:ext uri="{FF2B5EF4-FFF2-40B4-BE49-F238E27FC236}">
                  <a16:creationId xmlns:a16="http://schemas.microsoft.com/office/drawing/2014/main" id="{60961308-27C3-4CBD-A36C-EFA70F09264F}"/>
                </a:ext>
              </a:extLst>
            </p:cNvPr>
            <p:cNvGrpSpPr/>
            <p:nvPr/>
          </p:nvGrpSpPr>
          <p:grpSpPr>
            <a:xfrm>
              <a:off x="7128945" y="6403562"/>
              <a:ext cx="1869804" cy="294467"/>
              <a:chOff x="2214048" y="3184902"/>
              <a:chExt cx="1869804" cy="294467"/>
            </a:xfrm>
          </p:grpSpPr>
          <p:sp>
            <p:nvSpPr>
              <p:cNvPr id="46" name="Oval 45">
                <a:extLst>
                  <a:ext uri="{FF2B5EF4-FFF2-40B4-BE49-F238E27FC236}">
                    <a16:creationId xmlns:a16="http://schemas.microsoft.com/office/drawing/2014/main" id="{A2EB5E0B-13CA-4213-A0A0-E2B4B4EB8482}"/>
                  </a:ext>
                </a:extLst>
              </p:cNvPr>
              <p:cNvSpPr/>
              <p:nvPr/>
            </p:nvSpPr>
            <p:spPr bwMode="gray">
              <a:xfrm>
                <a:off x="2214048" y="3257633"/>
                <a:ext cx="144000" cy="144000"/>
              </a:xfrm>
              <a:prstGeom prst="ellipse">
                <a:avLst/>
              </a:prstGeom>
              <a:solidFill>
                <a:schemeClr val="tx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sz="1400" dirty="0" err="1"/>
              </a:p>
            </p:txBody>
          </p:sp>
          <p:sp>
            <p:nvSpPr>
              <p:cNvPr id="47" name="TextBox 46">
                <a:extLst>
                  <a:ext uri="{FF2B5EF4-FFF2-40B4-BE49-F238E27FC236}">
                    <a16:creationId xmlns:a16="http://schemas.microsoft.com/office/drawing/2014/main" id="{A97F9206-AB36-4504-AF5F-AD5EB7E72053}"/>
                  </a:ext>
                </a:extLst>
              </p:cNvPr>
              <p:cNvSpPr txBox="1"/>
              <p:nvPr/>
            </p:nvSpPr>
            <p:spPr bwMode="gray">
              <a:xfrm>
                <a:off x="2355741" y="3184902"/>
                <a:ext cx="1728111" cy="294467"/>
              </a:xfrm>
              <a:prstGeom prst="rect">
                <a:avLst/>
              </a:prstGeom>
              <a:noFill/>
            </p:spPr>
            <p:txBody>
              <a:bodyPr wrap="none" lIns="72000" tIns="72000" rIns="72000" bIns="72000" rtlCol="0">
                <a:noAutofit/>
              </a:bodyPr>
              <a:lstStyle/>
              <a:p>
                <a:r>
                  <a:rPr lang="pl-PL" sz="1000" dirty="0">
                    <a:solidFill>
                      <a:schemeClr val="accent3"/>
                    </a:solidFill>
                  </a:rPr>
                  <a:t>Red (R): Delayed</a:t>
                </a:r>
              </a:p>
              <a:p>
                <a:endParaRPr lang="en-US" sz="1000" dirty="0" err="1">
                  <a:solidFill>
                    <a:schemeClr val="accent3"/>
                  </a:solidFill>
                </a:endParaRPr>
              </a:p>
            </p:txBody>
          </p:sp>
        </p:grpSp>
        <p:sp>
          <p:nvSpPr>
            <p:cNvPr id="45" name="TextBox 44">
              <a:extLst>
                <a:ext uri="{FF2B5EF4-FFF2-40B4-BE49-F238E27FC236}">
                  <a16:creationId xmlns:a16="http://schemas.microsoft.com/office/drawing/2014/main" id="{E95EFC57-E5D3-41DC-9DD6-668919741045}"/>
                </a:ext>
              </a:extLst>
            </p:cNvPr>
            <p:cNvSpPr txBox="1"/>
            <p:nvPr/>
          </p:nvSpPr>
          <p:spPr bwMode="gray">
            <a:xfrm>
              <a:off x="2823824" y="6393390"/>
              <a:ext cx="520247" cy="294467"/>
            </a:xfrm>
            <a:prstGeom prst="rect">
              <a:avLst/>
            </a:prstGeom>
            <a:noFill/>
          </p:spPr>
          <p:txBody>
            <a:bodyPr wrap="none" lIns="72000" tIns="72000" rIns="72000" bIns="72000" rtlCol="0">
              <a:noAutofit/>
            </a:bodyPr>
            <a:lstStyle/>
            <a:p>
              <a:r>
                <a:rPr lang="pl-PL" sz="1000" dirty="0">
                  <a:solidFill>
                    <a:schemeClr val="accent3"/>
                  </a:solidFill>
                </a:rPr>
                <a:t>Status:</a:t>
              </a:r>
            </a:p>
            <a:p>
              <a:endParaRPr lang="en-US" sz="1000" dirty="0" err="1">
                <a:solidFill>
                  <a:schemeClr val="accent3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93624471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ubtitle 6" hidden="1">
            <a:extLst>
              <a:ext uri="{FF2B5EF4-FFF2-40B4-BE49-F238E27FC236}">
                <a16:creationId xmlns:a16="http://schemas.microsoft.com/office/drawing/2014/main" id="{F5041BFF-4EBB-4FB0-883A-128ECA892365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pl-P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B232DD0-7950-4A85-AD37-F1CCA2516D0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F03BE5-0187-4361-9843-98F473B794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ctry_range">
            <a:extLst>
              <a:ext uri="{FF2B5EF4-FFF2-40B4-BE49-F238E27FC236}">
                <a16:creationId xmlns:a16="http://schemas.microsoft.com/office/drawing/2014/main" id="{0C7FBAF5-8CEA-4947-9B3A-857461DA221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95438" y="3225800"/>
            <a:ext cx="8815387" cy="665163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/>
              <a:t> </a:t>
            </a:r>
            <a:r>
              <a:rPr lang="en-US" i="1" dirty="0">
                <a:solidFill>
                  <a:schemeClr val="tx2"/>
                </a:solidFill>
              </a:rPr>
              <a:t>Country</a:t>
            </a:r>
            <a:r>
              <a:rPr lang="en-US" dirty="0">
                <a:solidFill>
                  <a:schemeClr val="tx2"/>
                </a:solidFill>
              </a:rPr>
              <a:t> </a:t>
            </a:r>
            <a:r>
              <a:rPr lang="en-US" dirty="0"/>
              <a:t>Monthly Review | Continuous Improvemen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3800356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908B992-71E2-4C66-90B1-D18AAAC4D77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B6D586C-1575-4C1E-AEE3-2082A4BABC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t>25</a:t>
            </a:fld>
            <a:endParaRPr lang="en-US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F2AD4F-B028-48C1-BF06-B14DE7122E19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pl-PL" dirty="0"/>
          </a:p>
        </p:txBody>
      </p:sp>
      <p:sp>
        <p:nvSpPr>
          <p:cNvPr id="11" name="ctry_range">
            <a:extLst>
              <a:ext uri="{FF2B5EF4-FFF2-40B4-BE49-F238E27FC236}">
                <a16:creationId xmlns:a16="http://schemas.microsoft.com/office/drawing/2014/main" id="{201DC305-4E02-4EDC-B43E-11CFB0A15B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/>
              <a:t> </a:t>
            </a:r>
            <a:r>
              <a:rPr lang="en-US" i="1" dirty="0">
                <a:solidFill>
                  <a:schemeClr val="tx2"/>
                </a:solidFill>
              </a:rPr>
              <a:t>Country </a:t>
            </a:r>
            <a:r>
              <a:rPr lang="en-US" dirty="0"/>
              <a:t>| </a:t>
            </a:r>
            <a:r>
              <a:rPr lang="pl-PL" dirty="0"/>
              <a:t>HR Center</a:t>
            </a:r>
            <a:r>
              <a:rPr lang="en-US" dirty="0"/>
              <a:t> and FO</a:t>
            </a:r>
          </a:p>
        </p:txBody>
      </p:sp>
      <p:sp>
        <p:nvSpPr>
          <p:cNvPr id="12" name="Subtitle 4">
            <a:extLst>
              <a:ext uri="{FF2B5EF4-FFF2-40B4-BE49-F238E27FC236}">
                <a16:creationId xmlns:a16="http://schemas.microsoft.com/office/drawing/2014/main" id="{7ED12D46-8E01-4F3F-80D2-FDEF10BA1CB2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263525" y="1473200"/>
            <a:ext cx="11664950" cy="252413"/>
          </a:xfrm>
        </p:spPr>
        <p:txBody>
          <a:bodyPr/>
          <a:lstStyle/>
          <a:p>
            <a:r>
              <a:rPr lang="en-US" dirty="0"/>
              <a:t>Continuous Improvements Activities | Overview and Status</a:t>
            </a:r>
          </a:p>
        </p:txBody>
      </p:sp>
    </p:spTree>
    <p:extLst>
      <p:ext uri="{BB962C8B-B14F-4D97-AF65-F5344CB8AC3E}">
        <p14:creationId xmlns:p14="http://schemas.microsoft.com/office/powerpoint/2010/main" val="3973705553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B232DD0-7950-4A85-AD37-F1CCA2516D0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srgbClr val="73737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ource of all the data is AskHR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F03BE5-0187-4361-9843-98F473B794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2" name="Table 6">
            <a:extLst>
              <a:ext uri="{FF2B5EF4-FFF2-40B4-BE49-F238E27FC236}">
                <a16:creationId xmlns:a16="http://schemas.microsoft.com/office/drawing/2014/main" id="{4AE7082B-9204-4508-BC73-19A4D9A20EB8}"/>
              </a:ext>
            </a:extLst>
          </p:cNvPr>
          <p:cNvGraphicFramePr>
            <a:graphicFrameLocks noGrp="1"/>
          </p:cNvGraphicFramePr>
          <p:nvPr>
            <p:ph sz="quarter" idx="21"/>
          </p:nvPr>
        </p:nvGraphicFramePr>
        <p:xfrm>
          <a:off x="263525" y="1484313"/>
          <a:ext cx="11664948" cy="4455160"/>
        </p:xfrm>
        <a:graphic>
          <a:graphicData uri="http://schemas.openxmlformats.org/drawingml/2006/table">
            <a:tbl>
              <a:tblPr firstRow="1" bandRow="1"/>
              <a:tblGrid>
                <a:gridCol w="3888316">
                  <a:extLst>
                    <a:ext uri="{9D8B030D-6E8A-4147-A177-3AD203B41FA5}">
                      <a16:colId xmlns:a16="http://schemas.microsoft.com/office/drawing/2014/main" val="638339885"/>
                    </a:ext>
                  </a:extLst>
                </a:gridCol>
                <a:gridCol w="3888316">
                  <a:extLst>
                    <a:ext uri="{9D8B030D-6E8A-4147-A177-3AD203B41FA5}">
                      <a16:colId xmlns:a16="http://schemas.microsoft.com/office/drawing/2014/main" val="206405628"/>
                    </a:ext>
                  </a:extLst>
                </a:gridCol>
                <a:gridCol w="3888316">
                  <a:extLst>
                    <a:ext uri="{9D8B030D-6E8A-4147-A177-3AD203B41FA5}">
                      <a16:colId xmlns:a16="http://schemas.microsoft.com/office/drawing/2014/main" val="110972469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KPI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Descrip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EC Target 20</a:t>
                      </a:r>
                      <a:r>
                        <a:rPr lang="pl-PL" dirty="0"/>
                        <a:t>20</a:t>
                      </a:r>
                      <a:endParaRPr lang="en-US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81123537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400" dirty="0"/>
                        <a:t>Customer Satisfaction</a:t>
                      </a:r>
                      <a:endParaRPr lang="en-US" sz="1400" b="1" dirty="0">
                        <a:solidFill>
                          <a:schemeClr val="tx2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/>
                        <a:t>Measures the s</a:t>
                      </a:r>
                      <a:r>
                        <a:rPr lang="pl-PL" sz="1400" dirty="0"/>
                        <a:t>um of customer satisfaction feedback received</a:t>
                      </a:r>
                      <a:r>
                        <a:rPr lang="en-US" sz="1400" dirty="0"/>
                        <a:t> in</a:t>
                      </a:r>
                      <a:r>
                        <a:rPr lang="en-US" sz="1400" baseline="0" dirty="0"/>
                        <a:t> the period</a:t>
                      </a:r>
                      <a:r>
                        <a:rPr lang="pl-PL" sz="1400" dirty="0"/>
                        <a:t>, based on resolved cases.</a:t>
                      </a:r>
                      <a:r>
                        <a:rPr lang="en-US" sz="1400" baseline="0" dirty="0"/>
                        <a:t> </a:t>
                      </a:r>
                      <a:endParaRPr lang="en-US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9</a:t>
                      </a:r>
                      <a:r>
                        <a:rPr lang="pl-PL" sz="1400" dirty="0"/>
                        <a:t>2</a:t>
                      </a:r>
                      <a:r>
                        <a:rPr lang="en-US" sz="1400" dirty="0"/>
                        <a:t>%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62845190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400" dirty="0"/>
                        <a:t>On Time</a:t>
                      </a:r>
                      <a:r>
                        <a:rPr lang="en-US" sz="1400" baseline="0" dirty="0"/>
                        <a:t> Delivery</a:t>
                      </a:r>
                      <a:endParaRPr lang="en-US" sz="1400" b="1" dirty="0">
                        <a:solidFill>
                          <a:schemeClr val="tx2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/>
                        <a:t>Measures the ratio of cases for which</a:t>
                      </a:r>
                      <a:r>
                        <a:rPr lang="en-US" sz="1400" baseline="0" dirty="0"/>
                        <a:t> the SLAs have been met,</a:t>
                      </a:r>
                      <a:r>
                        <a:rPr lang="en-US" sz="1400" dirty="0"/>
                        <a:t> based on all the resolved cases from the respective period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pl-PL" sz="1400" dirty="0"/>
                        <a:t>87</a:t>
                      </a:r>
                      <a:r>
                        <a:rPr lang="en-US" sz="1400" dirty="0"/>
                        <a:t>%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92932506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400" dirty="0"/>
                        <a:t>Quality</a:t>
                      </a:r>
                      <a:endParaRPr lang="en-US" sz="1400" b="1" dirty="0">
                        <a:solidFill>
                          <a:schemeClr val="tx2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Measures</a:t>
                      </a:r>
                      <a:r>
                        <a:rPr lang="en-US" sz="1400" baseline="0" dirty="0"/>
                        <a:t> </a:t>
                      </a:r>
                      <a:r>
                        <a:rPr lang="en-US" sz="1400" dirty="0"/>
                        <a:t>the ratio of passed and not passed quality checks, out of all</a:t>
                      </a:r>
                      <a:r>
                        <a:rPr lang="en-US" sz="1400" baseline="0" dirty="0"/>
                        <a:t> the quality checks performed in the respective period.</a:t>
                      </a:r>
                      <a:endParaRPr lang="en-US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pl-PL" sz="1400" dirty="0"/>
                        <a:t>98</a:t>
                      </a:r>
                      <a:r>
                        <a:rPr lang="en-US" sz="1400" dirty="0"/>
                        <a:t>%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01695938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400" dirty="0"/>
                        <a:t>Volumes</a:t>
                      </a:r>
                      <a:endParaRPr lang="en-US" sz="1400" b="1" dirty="0">
                        <a:solidFill>
                          <a:schemeClr val="tx2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/>
                        <a:t>Measures the number of cases which were</a:t>
                      </a:r>
                      <a:r>
                        <a:rPr lang="en-US" sz="1400" baseline="0" dirty="0"/>
                        <a:t> created </a:t>
                      </a:r>
                      <a:r>
                        <a:rPr lang="en-US" sz="1400" dirty="0"/>
                        <a:t>and resolved in the respective period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N/A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5161583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400" dirty="0"/>
                        <a:t>Ageing</a:t>
                      </a:r>
                      <a:endParaRPr lang="en-US" sz="1400" b="1" dirty="0">
                        <a:solidFill>
                          <a:schemeClr val="tx2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/>
                        <a:t>Measures the number of cases from</a:t>
                      </a:r>
                      <a:r>
                        <a:rPr lang="en-US" sz="1400" baseline="0" dirty="0"/>
                        <a:t> the different Ageing buckets, as a s</a:t>
                      </a:r>
                      <a:r>
                        <a:rPr lang="en-US" sz="1400" dirty="0"/>
                        <a:t>napshot at the end of the respective period. The base for the calculation is the total open workload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ctr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kern="1200" dirty="0"/>
                        <a:t>Less than </a:t>
                      </a:r>
                      <a:r>
                        <a:rPr lang="pl-PL" sz="1400" kern="1200" dirty="0"/>
                        <a:t>6,1</a:t>
                      </a:r>
                      <a:r>
                        <a:rPr lang="en-US" sz="1400" kern="1200" dirty="0"/>
                        <a:t>% of cases over 180 days</a:t>
                      </a:r>
                      <a:endParaRPr lang="en-US" sz="1400" kern="1200" dirty="0">
                        <a:solidFill>
                          <a:schemeClr val="tx1"/>
                        </a:solidFill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324231498"/>
                  </a:ext>
                </a:extLst>
              </a:tr>
            </a:tbl>
          </a:graphicData>
        </a:graphic>
      </p:graphicFrame>
      <p:sp>
        <p:nvSpPr>
          <p:cNvPr id="5" name="Title 4">
            <a:extLst>
              <a:ext uri="{FF2B5EF4-FFF2-40B4-BE49-F238E27FC236}">
                <a16:creationId xmlns:a16="http://schemas.microsoft.com/office/drawing/2014/main" id="{62D64A6D-2068-48E8-87EC-DF2DABA8E5D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pl-PL" dirty="0"/>
              <a:t>HR Operations </a:t>
            </a:r>
            <a:r>
              <a:rPr lang="en-US" dirty="0"/>
              <a:t>KPIs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328275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6333C7A-9731-492A-A5DE-36B1B50C91C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63FF83F-A64F-4610-B3DF-66453E2321E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27</a:t>
            </a:fld>
            <a:endParaRPr lang="en-US" dirty="0"/>
          </a:p>
        </p:txBody>
      </p:sp>
      <p:sp>
        <p:nvSpPr>
          <p:cNvPr id="5" name="Text Box 13">
            <a:extLst>
              <a:ext uri="{FF2B5EF4-FFF2-40B4-BE49-F238E27FC236}">
                <a16:creationId xmlns:a16="http://schemas.microsoft.com/office/drawing/2014/main" id="{D417861A-D0DB-4B9C-A77E-4062BCB443EA}"/>
              </a:ext>
            </a:extLst>
          </p:cNvPr>
          <p:cNvSpPr txBox="1">
            <a:spLocks noChangeArrowheads="1"/>
          </p:cNvSpPr>
          <p:nvPr/>
        </p:nvSpPr>
        <p:spPr bwMode="gray">
          <a:xfrm>
            <a:off x="704850" y="6438755"/>
            <a:ext cx="3424335" cy="261610"/>
          </a:xfrm>
          <a:prstGeom prst="rect">
            <a:avLst/>
          </a:prstGeom>
          <a:noFill/>
          <a:ln w="25400">
            <a:noFill/>
            <a:miter lim="800000"/>
            <a:headEnd/>
            <a:tailEnd/>
          </a:ln>
        </p:spPr>
        <p:txBody>
          <a:bodyPr wrap="none" lIns="0" tIns="0" rIns="0" bIns="0">
            <a:noAutofit/>
          </a:bodyPr>
          <a:lstStyle/>
          <a:p>
            <a:pPr algn="ctr">
              <a:spcBef>
                <a:spcPct val="50000"/>
              </a:spcBef>
              <a:defRPr/>
            </a:pPr>
            <a:r>
              <a:rPr kumimoji="0" lang="en-US" altLang="ja-JP" sz="1170" b="1" dirty="0">
                <a:solidFill>
                  <a:schemeClr val="tx1"/>
                </a:solidFill>
                <a:latin typeface="Arial" charset="0"/>
                <a:ea typeface="Arial" pitchFamily="34" charset="0"/>
              </a:rPr>
              <a:t>POWERING GOOD FOR SUSTAINABLE ENERGY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798784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ubtitle 6" hidden="1">
            <a:extLst>
              <a:ext uri="{FF2B5EF4-FFF2-40B4-BE49-F238E27FC236}">
                <a16:creationId xmlns:a16="http://schemas.microsoft.com/office/drawing/2014/main" id="{F5041BFF-4EBB-4FB0-883A-128ECA892365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pl-P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B232DD0-7950-4A85-AD37-F1CCA2516D0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F03BE5-0187-4361-9843-98F473B794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ctry_range">
            <a:extLst>
              <a:ext uri="{FF2B5EF4-FFF2-40B4-BE49-F238E27FC236}">
                <a16:creationId xmlns:a16="http://schemas.microsoft.com/office/drawing/2014/main" id="{0C7FBAF5-8CEA-4947-9B3A-857461DA221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95438" y="3225800"/>
            <a:ext cx="8815387" cy="665163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/>
              <a:t> </a:t>
            </a:r>
            <a:r>
              <a:rPr lang="en-US" i="1" dirty="0">
                <a:solidFill>
                  <a:schemeClr val="tx2"/>
                </a:solidFill>
              </a:rPr>
              <a:t>Country</a:t>
            </a:r>
            <a:r>
              <a:rPr lang="en-US" dirty="0">
                <a:solidFill>
                  <a:schemeClr val="tx2"/>
                </a:solidFill>
              </a:rPr>
              <a:t> </a:t>
            </a:r>
            <a:r>
              <a:rPr lang="en-US" dirty="0"/>
              <a:t>Monthly Review | </a:t>
            </a:r>
            <a:r>
              <a:rPr lang="pl-PL" dirty="0"/>
              <a:t>HR Center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913744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DD5C92C-0BC6-45C9-97E4-63CC1F45E5F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E71349D-E7A9-43BE-8889-DB47EAC3D11E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7C82C03-065E-44AC-B7D5-44DF59B2594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Volumes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987953A3-BB7A-469F-8406-017C98D96220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2C0844D2-2EA5-49CC-B09E-C5B5CA550BC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On Time Delivery (OTD)</a:t>
            </a:r>
          </a:p>
          <a:p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EC5028DB-1A9C-4350-BED2-60EF8CF1A02B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B9ABA7DF-BEB2-4999-AE93-E47890D7735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pl-PL" dirty="0" err="1"/>
              <a:t>Attrition</a:t>
            </a:r>
            <a:endParaRPr lang="pl-PL" dirty="0"/>
          </a:p>
        </p:txBody>
      </p:sp>
      <p:sp>
        <p:nvSpPr>
          <p:cNvPr id="25" name="month_range">
            <a:extLst>
              <a:ext uri="{FF2B5EF4-FFF2-40B4-BE49-F238E27FC236}">
                <a16:creationId xmlns:a16="http://schemas.microsoft.com/office/drawing/2014/main" id="{C399A808-F6AE-4BCA-B871-B1D310A9D822}"/>
              </a:ext>
            </a:extLst>
          </p:cNvPr>
          <p:cNvSpPr txBox="1">
            <a:spLocks noGrp="1"/>
          </p:cNvSpPr>
          <p:nvPr>
            <p:ph type="ftr" sz="quarter" idx="11"/>
          </p:nvPr>
        </p:nvSpPr>
        <p:spPr>
          <a:xfrm>
            <a:off x="266700" y="6556375"/>
            <a:ext cx="8851900" cy="211138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ptember, 2020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D9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6" name="CFArea">
            <a:extLst>
              <a:ext uri="{FF2B5EF4-FFF2-40B4-BE49-F238E27FC236}">
                <a16:creationId xmlns:a16="http://schemas.microsoft.com/office/drawing/2014/main" id="{F7A85200-7B64-4147-BF4D-8AC38BE08FEF}"/>
              </a:ext>
            </a:extLst>
          </p:cNvPr>
          <p:cNvSpPr/>
          <p:nvPr/>
        </p:nvSpPr>
        <p:spPr bwMode="gray">
          <a:xfrm>
            <a:off x="263525" y="1125539"/>
            <a:ext cx="3673476" cy="1962765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53972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95%</a:t>
            </a: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(973)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Very good / Good</a:t>
            </a: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;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5% (56) not </a:t>
            </a:r>
            <a:r>
              <a:rPr kumimoji="0" lang="pl-PL" sz="14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tisfied</a:t>
            </a:r>
            <a:endParaRPr kumimoji="0" lang="pl-PL" sz="14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</a:t>
            </a:r>
            <a:r>
              <a:rPr kumimoji="0" lang="en-US" sz="14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esponse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rate</a:t>
            </a: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: 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5%</a:t>
            </a: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(1029 </a:t>
            </a:r>
            <a:r>
              <a:rPr kumimoji="0" lang="pl-PL" sz="14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nswers</a:t>
            </a:r>
            <a:r>
              <a:rPr kumimoji="0" lang="pl-PL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)</a:t>
            </a:r>
          </a:p>
        </p:txBody>
      </p:sp>
      <p:sp>
        <p:nvSpPr>
          <p:cNvPr id="28" name="VolumeArea">
            <a:extLst>
              <a:ext uri="{FF2B5EF4-FFF2-40B4-BE49-F238E27FC236}">
                <a16:creationId xmlns:a16="http://schemas.microsoft.com/office/drawing/2014/main" id="{CCC91ED8-2022-450A-8107-F38F3C33240C}"/>
              </a:ext>
            </a:extLst>
          </p:cNvPr>
          <p:cNvSpPr/>
          <p:nvPr/>
        </p:nvSpPr>
        <p:spPr bwMode="gray">
          <a:xfrm>
            <a:off x="4259881" y="1125539"/>
            <a:ext cx="3673476" cy="1997461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53972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93879 created / 96800 close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</a:t>
            </a: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CAArea">
            <a:extLst>
              <a:ext uri="{FF2B5EF4-FFF2-40B4-BE49-F238E27FC236}">
                <a16:creationId xmlns:a16="http://schemas.microsoft.com/office/drawing/2014/main" id="{19C3C8A2-7A92-475D-BDB2-0E1A02136285}"/>
              </a:ext>
            </a:extLst>
          </p:cNvPr>
          <p:cNvSpPr/>
          <p:nvPr/>
        </p:nvSpPr>
        <p:spPr bwMode="gray">
          <a:xfrm>
            <a:off x="8254999" y="1125539"/>
            <a:ext cx="3673476" cy="1943840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53972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48% ageing &lt;15d / 13% 15-30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/ 12% 30-60d / 18% 60-180d / 9% &gt;180d</a:t>
            </a:r>
            <a:endParaRPr kumimoji="0" lang="pl-PL" sz="1400" b="0" i="0" u="none" strike="noStrike" kern="1200" cap="none" spc="0" normalizeH="0" baseline="0" noProof="0" dirty="0">
              <a:ln>
                <a:noFill/>
              </a:ln>
              <a:solidFill>
                <a:srgbClr val="FF0026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pen workload 4258</a:t>
            </a:r>
            <a:endParaRPr kumimoji="0" lang="en-US" sz="1400" b="1" i="0" u="none" strike="noStrike" kern="1200" cap="none" spc="0" normalizeH="0" baseline="0" noProof="0" dirty="0">
              <a:ln>
                <a:noFill/>
              </a:ln>
              <a:solidFill>
                <a:srgbClr val="D9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OTDArea">
            <a:extLst>
              <a:ext uri="{FF2B5EF4-FFF2-40B4-BE49-F238E27FC236}">
                <a16:creationId xmlns:a16="http://schemas.microsoft.com/office/drawing/2014/main" id="{4DF533AA-FCAB-436F-ADC0-714F48D21AE4}"/>
              </a:ext>
            </a:extLst>
          </p:cNvPr>
          <p:cNvSpPr/>
          <p:nvPr/>
        </p:nvSpPr>
        <p:spPr bwMode="gray">
          <a:xfrm>
            <a:off x="270514" y="3861048"/>
            <a:ext cx="3673476" cy="1932336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252000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88% On Time Delivery</a:t>
            </a:r>
          </a:p>
        </p:txBody>
      </p:sp>
      <p:sp>
        <p:nvSpPr>
          <p:cNvPr id="34" name="QCArea">
            <a:extLst>
              <a:ext uri="{FF2B5EF4-FFF2-40B4-BE49-F238E27FC236}">
                <a16:creationId xmlns:a16="http://schemas.microsoft.com/office/drawing/2014/main" id="{0F61B410-7185-4F9C-9AE5-F40CFFAC3958}"/>
              </a:ext>
            </a:extLst>
          </p:cNvPr>
          <p:cNvSpPr/>
          <p:nvPr/>
        </p:nvSpPr>
        <p:spPr bwMode="gray">
          <a:xfrm>
            <a:off x="4264619" y="3861048"/>
            <a:ext cx="3673476" cy="1932336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53972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4% (3676) QC done, out of it: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98% (3605) passed / 2% (71) faile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96% (92889) QC n/a</a:t>
            </a: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0026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6" name="ProdArea">
            <a:extLst>
              <a:ext uri="{FF2B5EF4-FFF2-40B4-BE49-F238E27FC236}">
                <a16:creationId xmlns:a16="http://schemas.microsoft.com/office/drawing/2014/main" id="{9DFEA70D-B29F-4E60-A27A-BF07C373DD15}"/>
              </a:ext>
            </a:extLst>
          </p:cNvPr>
          <p:cNvSpPr/>
          <p:nvPr/>
        </p:nvSpPr>
        <p:spPr bwMode="gray">
          <a:xfrm>
            <a:off x="8239779" y="3861048"/>
            <a:ext cx="3688695" cy="1936335"/>
          </a:xfrm>
          <a:prstGeom prst="rect">
            <a:avLst/>
          </a:prstGeom>
          <a:solidFill>
            <a:schemeClr val="accent6"/>
          </a:solidFill>
          <a:ln w="12700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3972" tIns="53972" rIns="53972" bIns="252000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pl-PL" sz="1400" b="0" i="0" u="none" strike="noStrike" kern="1200" cap="none" spc="0" normalizeH="0" baseline="0" noProof="0" dirty="0" err="1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ttrition</a:t>
            </a: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0026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57" name="Picture 26">
            <a:extLst>
              <a:ext uri="{FF2B5EF4-FFF2-40B4-BE49-F238E27FC236}">
                <a16:creationId xmlns:a16="http://schemas.microsoft.com/office/drawing/2014/main" id="{BD1B4FC5-3A53-4EC3-8C0F-9EFC74033BAF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rcRect t="8215" b="8215"/>
          <a:stretch>
            <a:fillRect/>
          </a:stretch>
        </p:blipFill>
        <p:spPr>
          <a:xfrm>
            <a:off x="1756962" y="1704454"/>
            <a:ext cx="686602" cy="573790"/>
          </a:xfrm>
          <a:prstGeom prst="rect">
            <a:avLst/>
          </a:prstGeom>
        </p:spPr>
      </p:pic>
      <p:pic>
        <p:nvPicPr>
          <p:cNvPr id="41" name="Picture 28">
            <a:extLst>
              <a:ext uri="{FF2B5EF4-FFF2-40B4-BE49-F238E27FC236}">
                <a16:creationId xmlns:a16="http://schemas.microsoft.com/office/drawing/2014/main" id="{66C5D11B-C5B0-4B6D-888D-B4703203F77A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>
            <a:fillRect/>
          </a:stretch>
        </p:blipFill>
        <p:spPr>
          <a:xfrm>
            <a:off x="5792419" y="1696812"/>
            <a:ext cx="608400" cy="608400"/>
          </a:xfrm>
          <a:prstGeom prst="rect">
            <a:avLst/>
          </a:prstGeom>
        </p:spPr>
      </p:pic>
      <p:pic>
        <p:nvPicPr>
          <p:cNvPr id="37" name="Graphic 36">
            <a:extLst>
              <a:ext uri="{FF2B5EF4-FFF2-40B4-BE49-F238E27FC236}">
                <a16:creationId xmlns:a16="http://schemas.microsoft.com/office/drawing/2014/main" id="{3F584D55-590B-400B-9DD8-75242BB0AEA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9781202" y="4279549"/>
            <a:ext cx="593075" cy="774833"/>
          </a:xfrm>
          <a:prstGeom prst="rect">
            <a:avLst/>
          </a:prstGeom>
        </p:spPr>
      </p:pic>
      <p:pic>
        <p:nvPicPr>
          <p:cNvPr id="5" name="Picture 30">
            <a:extLst>
              <a:ext uri="{FF2B5EF4-FFF2-40B4-BE49-F238E27FC236}">
                <a16:creationId xmlns:a16="http://schemas.microsoft.com/office/drawing/2014/main" id="{F68F7267-1220-474E-A550-A053DB2504A1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rcRect l="5954" r="5954"/>
          <a:stretch>
            <a:fillRect/>
          </a:stretch>
        </p:blipFill>
        <p:spPr>
          <a:xfrm>
            <a:off x="9822808" y="1685529"/>
            <a:ext cx="537861" cy="610572"/>
          </a:xfrm>
          <a:prstGeom prst="rect">
            <a:avLst/>
          </a:prstGeom>
        </p:spPr>
      </p:pic>
      <p:pic>
        <p:nvPicPr>
          <p:cNvPr id="49" name="Picture 32">
            <a:extLst>
              <a:ext uri="{FF2B5EF4-FFF2-40B4-BE49-F238E27FC236}">
                <a16:creationId xmlns:a16="http://schemas.microsoft.com/office/drawing/2014/main" id="{BD069413-E706-4347-8610-0A779B2149C5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rcRect l="6509" r="6509"/>
          <a:stretch>
            <a:fillRect/>
          </a:stretch>
        </p:blipFill>
        <p:spPr>
          <a:xfrm>
            <a:off x="1821035" y="4351159"/>
            <a:ext cx="549391" cy="631612"/>
          </a:xfrm>
          <a:prstGeom prst="rect">
            <a:avLst/>
          </a:prstGeom>
        </p:spPr>
      </p:pic>
      <p:pic>
        <p:nvPicPr>
          <p:cNvPr id="65" name="Picture 34">
            <a:extLst>
              <a:ext uri="{FF2B5EF4-FFF2-40B4-BE49-F238E27FC236}">
                <a16:creationId xmlns:a16="http://schemas.microsoft.com/office/drawing/2014/main" id="{CCCA3B07-8B80-41C5-889B-E503094BE4CC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8">
            <a:extLst>
              <a:ext uri="{96DAC541-7B7A-43D3-8B79-37D633B846F1}">
                <asvg:svgBlip xmlns:asvg="http://schemas.microsoft.com/office/drawing/2016/SVG/main" r:embed="rId19"/>
              </a:ext>
            </a:extLst>
          </a:blip>
          <a:srcRect l="6698" r="6698"/>
          <a:stretch>
            <a:fillRect/>
          </a:stretch>
        </p:blipFill>
        <p:spPr>
          <a:xfrm>
            <a:off x="5827857" y="4459755"/>
            <a:ext cx="547003" cy="631612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A3FF6D71-5A29-4FF5-8942-C607396379AA}"/>
              </a:ext>
            </a:extLst>
          </p:cNvPr>
          <p:cNvSpPr txBox="1"/>
          <p:nvPr/>
        </p:nvSpPr>
        <p:spPr>
          <a:xfrm>
            <a:off x="4449452" y="3932186"/>
            <a:ext cx="3374795" cy="527569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1" i="0" u="none" strike="noStrike" kern="1200" cap="none" spc="0" normalizeH="0" baseline="0" noProof="0" dirty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89" name="Graphic 88">
            <a:extLst>
              <a:ext uri="{FF2B5EF4-FFF2-40B4-BE49-F238E27FC236}">
                <a16:creationId xmlns:a16="http://schemas.microsoft.com/office/drawing/2014/main" id="{F4FBA0B1-4408-4D3C-9A9C-529762280056}"/>
              </a:ext>
            </a:extLst>
          </p:cNvPr>
          <p:cNvPicPr>
            <a:picLocks/>
          </p:cNvPicPr>
          <p:nvPr>
            <p:custDataLst>
              <p:tags r:id="rId6"/>
            </p:custDataLst>
          </p:nvPr>
        </p:nvPicPr>
        <p:blipFill>
          <a:blip r:embed="rId20">
            <a:extLst>
              <a:ext uri="{96DAC541-7B7A-43D3-8B79-37D633B846F1}">
                <asvg:svgBlip xmlns:asvg="http://schemas.microsoft.com/office/drawing/2016/SVG/main" r:embed="rId21"/>
              </a:ext>
            </a:extLst>
          </a:blip>
          <a:srcRect l="4876" r="4876"/>
          <a:stretch>
            <a:fillRect/>
          </a:stretch>
        </p:blipFill>
        <p:spPr>
          <a:xfrm>
            <a:off x="9798669" y="4533942"/>
            <a:ext cx="536633" cy="594627"/>
          </a:xfrm>
          <a:prstGeom prst="rect">
            <a:avLst/>
          </a:prstGeom>
        </p:spPr>
      </p:pic>
      <p:sp>
        <p:nvSpPr>
          <p:cNvPr id="27" name="ctry_range">
            <a:extLst>
              <a:ext uri="{FF2B5EF4-FFF2-40B4-BE49-F238E27FC236}">
                <a16:creationId xmlns:a16="http://schemas.microsoft.com/office/drawing/2014/main" id="{32301574-C745-4961-962A-2FD67D6C9DAB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</a:t>
            </a:r>
            <a:r>
              <a:rPr lang="en-US" b="1" dirty="0">
                <a:solidFill>
                  <a:srgbClr val="D90000"/>
                </a:solidFill>
              </a:rPr>
              <a:t> Country </a:t>
            </a:r>
            <a:r>
              <a:rPr lang="en-US" dirty="0"/>
              <a:t>at a glance – </a:t>
            </a:r>
            <a:r>
              <a:rPr lang="pl-PL" dirty="0">
                <a:solidFill>
                  <a:srgbClr val="D90000"/>
                </a:solidFill>
              </a:rPr>
              <a:t>HR Center</a:t>
            </a:r>
            <a:r>
              <a:rPr lang="en-US" dirty="0">
                <a:solidFill>
                  <a:srgbClr val="D90000"/>
                </a:solidFill>
              </a:rPr>
              <a:t> view</a:t>
            </a:r>
          </a:p>
        </p:txBody>
      </p:sp>
      <p:sp>
        <p:nvSpPr>
          <p:cNvPr id="31" name="Title 5">
            <a:extLst>
              <a:ext uri="{FF2B5EF4-FFF2-40B4-BE49-F238E27FC236}">
                <a16:creationId xmlns:a16="http://schemas.microsoft.com/office/drawing/2014/main" id="{247BB69E-FCAD-48EF-AA6D-F4990A091F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/>
          <a:lstStyle/>
          <a:p>
            <a:r>
              <a:rPr lang="en-US" dirty="0"/>
              <a:t>Executive Summary</a:t>
            </a:r>
            <a:endParaRPr lang="pl-PL" dirty="0"/>
          </a:p>
        </p:txBody>
      </p:sp>
    </p:spTree>
    <p:extLst>
      <p:ext uri="{BB962C8B-B14F-4D97-AF65-F5344CB8AC3E}">
        <p14:creationId xmlns:p14="http://schemas.microsoft.com/office/powerpoint/2010/main" val="34321851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pl-PL" dirty="0"/>
              <a:t>HR Center</a:t>
            </a:r>
            <a:r>
              <a:rPr lang="en-US" dirty="0"/>
              <a:t> | Talent Acquisition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116009629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pl-PL" dirty="0"/>
              <a:t>HR Center</a:t>
            </a:r>
            <a:r>
              <a:rPr lang="en-US" dirty="0"/>
              <a:t> | Employee Lifecycle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71917640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pl-PL" dirty="0"/>
              <a:t>HR Center</a:t>
            </a:r>
            <a:r>
              <a:rPr lang="en-US" dirty="0"/>
              <a:t> | Payroll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96740694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pl-PL" dirty="0"/>
              <a:t>HR Center</a:t>
            </a:r>
            <a:r>
              <a:rPr lang="en-US" dirty="0"/>
              <a:t> | Compensation &amp; Benefits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282132295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1A0D51-D3F5-4DA4-ACFA-2C8345203A5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0" i="0" u="none" strike="noStrike" kern="1200" cap="none" spc="0" normalizeH="0" baseline="0" noProof="0" dirty="0">
              <a:ln>
                <a:noFill/>
              </a:ln>
              <a:solidFill>
                <a:srgbClr val="73737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921E8D7-96A9-4889-ACFC-7D043D6E1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24EC536-6FE3-4540-8D85-74C58F0BF697}" type="slidenum">
              <a:rPr kumimoji="0" lang="en-US" sz="147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US" sz="147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Picture Placeholder 6" hidden="1">
            <a:extLst>
              <a:ext uri="{FF2B5EF4-FFF2-40B4-BE49-F238E27FC236}">
                <a16:creationId xmlns:a16="http://schemas.microsoft.com/office/drawing/2014/main" id="{96A22372-E057-4E19-86E8-D1DB0CDAC2A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8" name="Picture Placeholder 7" hidden="1">
            <a:extLst>
              <a:ext uri="{FF2B5EF4-FFF2-40B4-BE49-F238E27FC236}">
                <a16:creationId xmlns:a16="http://schemas.microsoft.com/office/drawing/2014/main" id="{78B442AE-4A1B-4E72-840A-22B6544A56F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/>
      </p:sp>
      <p:sp>
        <p:nvSpPr>
          <p:cNvPr id="9" name="Picture Placeholder 8" hidden="1">
            <a:extLst>
              <a:ext uri="{FF2B5EF4-FFF2-40B4-BE49-F238E27FC236}">
                <a16:creationId xmlns:a16="http://schemas.microsoft.com/office/drawing/2014/main" id="{B2D6290D-AF4F-4768-A421-D15042A91FC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/>
      </p:sp>
      <p:sp>
        <p:nvSpPr>
          <p:cNvPr id="12" name="Picture Placeholder 11" hidden="1">
            <a:extLst>
              <a:ext uri="{FF2B5EF4-FFF2-40B4-BE49-F238E27FC236}">
                <a16:creationId xmlns:a16="http://schemas.microsoft.com/office/drawing/2014/main" id="{CECF1EBD-6759-488B-A7AA-B7C27785483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/>
      </p:sp>
      <p:sp>
        <p:nvSpPr>
          <p:cNvPr id="13" name="Picture Placeholder 12" hidden="1">
            <a:extLst>
              <a:ext uri="{FF2B5EF4-FFF2-40B4-BE49-F238E27FC236}">
                <a16:creationId xmlns:a16="http://schemas.microsoft.com/office/drawing/2014/main" id="{1F9AF83E-7460-4626-9E10-A48E28CF1F3B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/>
      </p:sp>
      <p:sp>
        <p:nvSpPr>
          <p:cNvPr id="14" name="Picture Placeholder 13" hidden="1">
            <a:extLst>
              <a:ext uri="{FF2B5EF4-FFF2-40B4-BE49-F238E27FC236}">
                <a16:creationId xmlns:a16="http://schemas.microsoft.com/office/drawing/2014/main" id="{58E0EFF1-DB23-4FEF-8513-C43A8DECA29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/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AE62A70-EBCB-4815-B243-1209A0FAA1B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Customer Satisfaction</a:t>
            </a:r>
          </a:p>
          <a:p>
            <a:endParaRPr lang="pl-PL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E672478-51E3-4496-BEF6-BBE5DBB94C29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US" dirty="0"/>
              <a:t>On Time Delivery</a:t>
            </a:r>
          </a:p>
          <a:p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CA6D249-0C1B-4BE4-B33E-CB456DC7EC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r>
              <a:rPr lang="en-US" dirty="0"/>
              <a:t>Quality</a:t>
            </a:r>
            <a:endParaRPr lang="pl-PL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AA66022-926A-43CA-B5C4-2166C344CD1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r>
              <a:rPr lang="en-US" dirty="0"/>
              <a:t>Volumes</a:t>
            </a:r>
            <a:endParaRPr lang="pl-PL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85ACAC-8E17-4C0E-BF33-4E9D8075ADC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r>
              <a:rPr lang="en-US" dirty="0"/>
              <a:t>Case Ageing</a:t>
            </a:r>
          </a:p>
          <a:p>
            <a:endParaRPr lang="pl-PL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4D17BB11-3E54-449B-B1CD-D61822E75CE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/>
        <p:txBody>
          <a:bodyPr/>
          <a:lstStyle/>
          <a:p>
            <a:r>
              <a:rPr lang="en-US" dirty="0"/>
              <a:t>Achievements &amp; Challenges</a:t>
            </a:r>
          </a:p>
          <a:p>
            <a:endParaRPr lang="pl-PL" dirty="0"/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AFA4E6EB-B6E4-4BB8-B4F6-9CAE7598E5D1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/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4384FCF-3618-422E-8C27-ED44AB32278D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/>
      </p:sp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9D8CE06D-34B8-4F5E-8762-4E0D7E265E4B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/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6273BBC5-E34F-4502-B173-AC05F085BA0F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/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F0720E70-4706-463E-8CBF-099F4EC737E2}"/>
              </a:ext>
            </a:extLst>
          </p:cNvPr>
          <p:cNvSpPr>
            <a:spLocks noGrp="1"/>
          </p:cNvSpPr>
          <p:nvPr>
            <p:ph type="pic" sz="quarter" idx="42"/>
          </p:nvPr>
        </p:nvSpPr>
        <p:spPr/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3768FC63-4CDC-4F79-AA7B-5DB59CEAC1C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/>
      </p:sp>
      <p:sp>
        <p:nvSpPr>
          <p:cNvPr id="25" name="ctry_range">
            <a:extLst>
              <a:ext uri="{FF2B5EF4-FFF2-40B4-BE49-F238E27FC236}">
                <a16:creationId xmlns:a16="http://schemas.microsoft.com/office/drawing/2014/main" id="{DA59042C-3234-45D2-A269-5EED2C5BD4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5" y="187325"/>
            <a:ext cx="8856663" cy="434975"/>
          </a:xfrm>
        </p:spPr>
        <p:txBody>
          <a:bodyPr/>
          <a:lstStyle/>
          <a:p>
            <a:r>
              <a:rPr lang="pl-PL" dirty="0"/>
              <a:t>HR Operations</a:t>
            </a:r>
            <a:r>
              <a:rPr lang="en-US" dirty="0">
                <a:solidFill>
                  <a:srgbClr val="D90000"/>
                </a:solidFill>
              </a:rPr>
              <a:t> Country </a:t>
            </a:r>
            <a:r>
              <a:rPr lang="pl-PL" dirty="0"/>
              <a:t>HR Center</a:t>
            </a:r>
            <a:r>
              <a:rPr lang="en-US" dirty="0"/>
              <a:t> | Learning &amp; Development</a:t>
            </a:r>
          </a:p>
        </p:txBody>
      </p:sp>
      <p:sp>
        <p:nvSpPr>
          <p:cNvPr id="29" name="CSChart_Area">
            <a:extLst>
              <a:ext uri="{FF2B5EF4-FFF2-40B4-BE49-F238E27FC236}">
                <a16:creationId xmlns:a16="http://schemas.microsoft.com/office/drawing/2014/main" id="{0C6032D3-E8A5-4602-B8FA-E6AFEF3DCB04}"/>
              </a:ext>
            </a:extLst>
          </p:cNvPr>
          <p:cNvSpPr/>
          <p:nvPr/>
        </p:nvSpPr>
        <p:spPr bwMode="gray">
          <a:xfrm>
            <a:off x="263525" y="1125539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0" name="OTDChart_Area">
            <a:extLst>
              <a:ext uri="{FF2B5EF4-FFF2-40B4-BE49-F238E27FC236}">
                <a16:creationId xmlns:a16="http://schemas.microsoft.com/office/drawing/2014/main" id="{472EBBDD-D425-4F34-8418-815A26B24F98}"/>
              </a:ext>
            </a:extLst>
          </p:cNvPr>
          <p:cNvSpPr/>
          <p:nvPr/>
        </p:nvSpPr>
        <p:spPr bwMode="gray">
          <a:xfrm>
            <a:off x="4256388" y="1119402"/>
            <a:ext cx="3679224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1" name="QCChart_Area">
            <a:extLst>
              <a:ext uri="{FF2B5EF4-FFF2-40B4-BE49-F238E27FC236}">
                <a16:creationId xmlns:a16="http://schemas.microsoft.com/office/drawing/2014/main" id="{B05360B1-7BEE-4116-9A49-593DDEFF2B93}"/>
              </a:ext>
            </a:extLst>
          </p:cNvPr>
          <p:cNvSpPr/>
          <p:nvPr/>
        </p:nvSpPr>
        <p:spPr bwMode="gray">
          <a:xfrm>
            <a:off x="8256239" y="1119401"/>
            <a:ext cx="3672235" cy="1943421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VLChart_Area">
            <a:extLst>
              <a:ext uri="{FF2B5EF4-FFF2-40B4-BE49-F238E27FC236}">
                <a16:creationId xmlns:a16="http://schemas.microsoft.com/office/drawing/2014/main" id="{DC6C337D-E42A-4D4F-A5E2-E061F446D4A7}"/>
              </a:ext>
            </a:extLst>
          </p:cNvPr>
          <p:cNvSpPr/>
          <p:nvPr/>
        </p:nvSpPr>
        <p:spPr bwMode="gray">
          <a:xfrm>
            <a:off x="270514" y="3861048"/>
            <a:ext cx="3666399" cy="1932336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3" name="CAChart_Area">
            <a:extLst>
              <a:ext uri="{FF2B5EF4-FFF2-40B4-BE49-F238E27FC236}">
                <a16:creationId xmlns:a16="http://schemas.microsoft.com/office/drawing/2014/main" id="{0CC4251D-54BD-40D3-9577-BE46B4FA0E13}"/>
              </a:ext>
            </a:extLst>
          </p:cNvPr>
          <p:cNvSpPr/>
          <p:nvPr/>
        </p:nvSpPr>
        <p:spPr bwMode="gray">
          <a:xfrm>
            <a:off x="4256152" y="3861047"/>
            <a:ext cx="3672236" cy="1932335"/>
          </a:xfrm>
          <a:prstGeom prst="rect">
            <a:avLst/>
          </a:prstGeom>
          <a:noFill/>
          <a:ln w="3175"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 err="1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4" name="achievement_HUTA">
            <a:extLst>
              <a:ext uri="{FF2B5EF4-FFF2-40B4-BE49-F238E27FC236}">
                <a16:creationId xmlns:a16="http://schemas.microsoft.com/office/drawing/2014/main" id="{0422D2CB-1B14-4BB4-BC45-7008E739BA97}"/>
              </a:ext>
            </a:extLst>
          </p:cNvPr>
          <p:cNvSpPr txBox="1"/>
          <p:nvPr/>
        </p:nvSpPr>
        <p:spPr bwMode="gray">
          <a:xfrm>
            <a:off x="8247626" y="3861047"/>
            <a:ext cx="3673859" cy="1932334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72000" tIns="72000" rIns="72000" bIns="72000" rtlCol="0">
            <a:no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4D4D4D"/>
              </a:buClr>
              <a:buSzTx/>
              <a:buFont typeface="Wingdings 3" panose="05040102010807070707" pitchFamily="18" charset="2"/>
              <a:buChar char="}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….</a:t>
            </a:r>
          </a:p>
        </p:txBody>
      </p:sp>
      <p:sp>
        <p:nvSpPr>
          <p:cNvPr id="35" name="month_range">
            <a:extLst>
              <a:ext uri="{FF2B5EF4-FFF2-40B4-BE49-F238E27FC236}">
                <a16:creationId xmlns:a16="http://schemas.microsoft.com/office/drawing/2014/main" id="{1D7D9F96-7A50-4369-A5E6-3C00251C16E2}"/>
              </a:ext>
            </a:extLst>
          </p:cNvPr>
          <p:cNvSpPr txBox="1">
            <a:spLocks/>
          </p:cNvSpPr>
          <p:nvPr/>
        </p:nvSpPr>
        <p:spPr>
          <a:xfrm>
            <a:off x="333264" y="832727"/>
            <a:ext cx="11520000" cy="3689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Performance Review for </a:t>
            </a:r>
            <a:r>
              <a:rPr lang="en-US" i="1" dirty="0"/>
              <a:t>Month, Year</a:t>
            </a:r>
          </a:p>
        </p:txBody>
      </p:sp>
    </p:spTree>
    <p:extLst>
      <p:ext uri="{BB962C8B-B14F-4D97-AF65-F5344CB8AC3E}">
        <p14:creationId xmlns:p14="http://schemas.microsoft.com/office/powerpoint/2010/main" val="48029151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04456644430718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around_world.sv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clock.sv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star_badge.sv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no_handshake.sv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makieta_thumb up.sv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chart_2.sv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around_world.sv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clock.sv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star_badge.sv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no_handshake.sv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makieta_thumb up.sv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LOLNOV\AppData\Local\Temp\Templafy\PowerPointVsto\Assets\chart_2.svg"/>
</p:tagLst>
</file>

<file path=ppt/theme/theme1.xml><?xml version="1.0" encoding="utf-8"?>
<a:theme xmlns:a="http://schemas.openxmlformats.org/drawingml/2006/main" name="Hitachi ABB PowerPoint Template">
  <a:themeElements>
    <a:clrScheme name="Hitachi Colors">
      <a:dk1>
        <a:sysClr val="windowText" lastClr="000000"/>
      </a:dk1>
      <a:lt1>
        <a:sysClr val="window" lastClr="FFFFFF"/>
      </a:lt1>
      <a:dk2>
        <a:srgbClr val="FF0026"/>
      </a:dk2>
      <a:lt2>
        <a:srgbClr val="B1000E"/>
      </a:lt2>
      <a:accent1>
        <a:srgbClr val="7E000A"/>
      </a:accent1>
      <a:accent2>
        <a:srgbClr val="2D2D2D"/>
      </a:accent2>
      <a:accent3>
        <a:srgbClr val="4D4D4D"/>
      </a:accent3>
      <a:accent4>
        <a:srgbClr val="737373"/>
      </a:accent4>
      <a:accent5>
        <a:srgbClr val="B3B3B3"/>
      </a:accent5>
      <a:accent6>
        <a:srgbClr val="D9D9D9"/>
      </a:accent6>
      <a:hlink>
        <a:srgbClr val="FF0026"/>
      </a:hlink>
      <a:folHlink>
        <a:srgbClr val="B1000E"/>
      </a:folHlink>
    </a:clrScheme>
    <a:fontScheme name="Hitachi Fon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6"/>
        </a:solidFill>
        <a:ln>
          <a:noFill/>
        </a:ln>
      </a:spPr>
      <a:bodyPr rtlCol="0" anchor="t"/>
      <a:lstStyle>
        <a:defPPr algn="l">
          <a:defRPr sz="1400" dirty="0" err="1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1400" dirty="0" err="1" smtClean="0"/>
        </a:defPPr>
      </a:lstStyle>
    </a:txDef>
  </a:objectDefaults>
  <a:extraClrSchemeLst/>
  <a:custClrLst>
    <a:custClr name="Yellow Dark">
      <a:srgbClr val="E5B82E"/>
    </a:custClr>
    <a:custClr name="Brown Dark">
      <a:srgbClr val="6F5A2B"/>
    </a:custClr>
    <a:custClr name="Olive Dark">
      <a:srgbClr val="565F21"/>
    </a:custClr>
    <a:custClr name="Green Dark">
      <a:srgbClr val="265646"/>
    </a:custClr>
    <a:custClr name="Blue Dark">
      <a:srgbClr val="2E4173"/>
    </a:custClr>
    <a:custClr name="Purple Dark">
      <a:srgbClr val="504B69"/>
    </a:custClr>
    <a:custClr name="Opera Dark">
      <a:srgbClr val="803268"/>
    </a:custClr>
    <a:custClr name="Rose Dark">
      <a:srgbClr val="772335"/>
    </a:custClr>
    <a:custClr name="blank">
      <a:srgbClr val="FFFFFF"/>
    </a:custClr>
    <a:custClr name="blank">
      <a:srgbClr val="FFFFFF"/>
    </a:custClr>
    <a:custClr name="Yellow Medium">
      <a:srgbClr val="F2D43D"/>
    </a:custClr>
    <a:custClr name="Brown Medium">
      <a:srgbClr val="B49246"/>
    </a:custClr>
    <a:custClr name="Olive Medium">
      <a:srgbClr val="99AC3C"/>
    </a:custClr>
    <a:custClr name="Green Medium">
      <a:srgbClr val="5DAA87"/>
    </a:custClr>
    <a:custClr name="Blue Medium">
      <a:srgbClr val="5373C2"/>
    </a:custClr>
    <a:custClr name="Purple Medium">
      <a:srgbClr val="8682B4"/>
    </a:custClr>
    <a:custClr name="Opera Medium">
      <a:srgbClr val="B24691"/>
    </a:custClr>
    <a:custClr name="Rose Medium">
      <a:srgbClr val="BA4E56"/>
    </a:custClr>
    <a:custClr name="blank">
      <a:srgbClr val="FFFFFF"/>
    </a:custClr>
    <a:custClr name="blank">
      <a:srgbClr val="FFFFFF"/>
    </a:custClr>
    <a:custClr name="Yellow Light">
      <a:srgbClr val="FFEC8C"/>
    </a:custClr>
    <a:custClr name="Brown Light">
      <a:srgbClr val="D5C193"/>
    </a:custClr>
    <a:custClr name="Olive Light">
      <a:srgbClr val="D0DA96"/>
    </a:custClr>
    <a:custClr name="Green Light">
      <a:srgbClr val="A4CEBB"/>
    </a:custClr>
    <a:custClr name="Blue Light">
      <a:srgbClr val="96ACE3"/>
    </a:custClr>
    <a:custClr name="Purple Light">
      <a:srgbClr val="B8B4C8"/>
    </a:custClr>
    <a:custClr name="Opera Light">
      <a:srgbClr val="DCA0C8"/>
    </a:custClr>
    <a:custClr name="Rose Light">
      <a:srgbClr val="E4B4AC"/>
    </a:custClr>
    <a:custClr name="blank">
      <a:srgbClr val="FFFFFF"/>
    </a:custClr>
    <a:custClr name="blank">
      <a:srgbClr val="FFFFFF"/>
    </a:custClr>
  </a:custClrLst>
  <a:extLst>
    <a:ext uri="{05A4C25C-085E-4340-85A3-A5531E510DB2}">
      <thm15:themeFamily xmlns:thm15="http://schemas.microsoft.com/office/thememl/2012/main" name="Presentation1" id="{387C3827-3C38-46B7-B7EF-08EF35410397}" vid="{3B3D2B3F-8A4F-4ADB-94D9-D2E79CCA1AC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Update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<![CDATA[© Hitachi ABB Power Grids ]]></s>
      <Doc.Prop.CopyrightYear/>
      <s><![CDATA[. All rights reserved]]>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<![CDATA[ - Rev:  ]]></s>
      <Doc.Prop.DocumentRevisionId/>
    </Doc.Prop.DocumentRevisionId>
    <s/>
  </Cmd>
  <Cmd case="SkabelonDesign.DocumentData:DefineData" variableName="PPMetadata">
    <Doc.Prop.DocumentID>
      <Doc.Prop.Date/>
      <s><![CDATA[ - Document ID:]]>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<![CDATA[Document ID.:]]></s>
    </Doc.Prop.DocumentID>
    <s/>
  </Cmd>
  <Cmd case="SkabelonDesign.DocumentData:DefineData" variableName="DocumentRevisionIdLabel">
    <Doc.Prop.DocumentID>
      <s><![CDATA[Rev.:]]>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powergrids;powergridsuat">
    <True>
      <Cmd case="BaseExtensions:find-shape-bring-to-front" layout-1-name="01_Cover Slide1" shape-1-name-1="Strictly" shape-1-name-2="Internal" shape-1-name-3="Public" shape-1-name-4="Confidential" layout-2-name="03_Cover Slide 2" shape-2-name-1="Strictly" shape-2-name-2="Internal" shape-2-name-3="Public" shape-2-name-4="Confidential"/>
    </True>
  </Cmd>
</Update>
</file>

<file path=customXml/item10.xml><?xml version="1.0" encoding="utf-8"?>
<TemplafySlideTemplateConfiguration><![CDATA[{"slideVersion":0,"isValidatorEnabled":false,"isLocked":false,"elementsMetadata":[],"slideId":"637287745125731910","enableDocumentContentUpdater":true,"version":"1.11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0,"isValidatorEnabled":false,"isLocked":false,"elementsMetadata":[],"slideId":"637287745125731911","enableDocumentContentUpdater":true,"version":"1.11"}]]></TemplafySlideTemplateConfiguration>
</file>

<file path=customXml/item2.xml><?xml version="1.0" encoding="utf-8"?>
<TemplafyTemplateConfiguration><![CDATA[{"elementsMetadata":[],"transformationConfigurations":[{"propertyName":"title","propertyValue":"{{Form.DocumentTitle}}","disableUpdates":false,"type":"documentProperty"},{"propertyName":"SecurityLevel","propertyValue":"{{Form.PSecurityLevel.SecurityLevels}}","disableUpdates":false,"type":"customDocumentProperty"},{"propertyName":"subject","propertyValue":"{{Form.SupplementaryTitle}}","disableUpdates":false,"type":"documentProperty"},{"propertyName":"CreatorName","propertyValue":"{{UserProfile.Name}}","disableUpdates":false,"type":"customDocumentProperty"},{"propertyName":"DocumentKind","propertyValue":"Presentation","disableUpdates":false,"type":"customDocumentProperty"},{"propertyName":"DocumentId","propertyValue":"{{Form.DocumentID}}","disableUpdates":false,"type":"customDocumentProperty"},{"propertyName":"SupplementaryTitle","propertyValue":"{{Form.SupplementaryTitle}}","disableUpdates":false,"type":"customDocumentProperty"},{"propertyName":"DocumentTitle","propertyValue":"{{Form.DocumentTitle}}","disableUpdates":false,"type":"customDocumentProperty"},{"propertyName":"CopyrightYear","propertyValue":"{{Form.CopyrightInformation}}","disableUpdates":false,"type":"customDocumentProperty"},{"propertyName":"DocumentRevisionId","propertyValue":"{{Form.Prevision}}","disableUpdates":false,"type":"customDocumentProperty"},{"propertyName":"Date","propertyValue":"{{Form.Date}}","disableUpdates":false,"type":"customDocumentProperty"},{"propertyName":"Eventanddate","propertyValue":"{{Form.Eventanddate}}","disableUpdates":false,"type":"customDocumentProperty"},{"propertyName":"PreparedByPerson","propertyValue":"{{Form.PPreparedBy}}","disableUpdates":false,"type":"customDocumentProperty"}],"templateName":"PowerPoint template","templateDescription":"","enableDocumentContentUpdater":true,"version":"1.11"}]]></TemplafyTemplateConfiguration>
</file>

<file path=customXml/item3.xml><?xml version="1.0" encoding="utf-8"?>
<TemplafyFormConfiguration><![CDATA[{"formFields":[{"required":true,"placeholder":"","lines":0,"type":"textBox","name":"DocumentTitle","label":"Title","helpTexts":{"prefix":"","postfix":""},"spacing":{},"fullyQualifiedName":"DocumentTitle"},{"required":false,"placeholder":"","lines":0,"type":"textBox","name":"SupplementaryTitle","label":"Supplementary Title","helpTexts":{"prefix":"","postfix":""},"spacing":{},"fullyQualifiedName":"SupplementaryTitle"},{"required":false,"placeholder":"","lines":0,"defaultValue":"{{UserProfile.Name}}","type":"textBox","name":"PPreparedBy","label":"Prepared by","helpTexts":{"prefix":"","postfix":""},"spacing":{},"fullyQualifiedName":"PPreparedBy"},{"required":false,"type":"datePicker","name":"Date","label":"Date","helpTexts":{"prefix":"","postfix":""},"spacing":{},"fullyQualifiedName":"Date"},{"dataSource":"SecurityLevels","displayColumn":"securityLevels","hideIfNoUserInteractionRequired":false,"distinct":true,"required":true,"autoSelectFirstOption":true,"type":"dropDown","name":"PSecurityLevel","label":"Security Level","helpTexts":{"prefix":"","postfix":""},"spacing":{},"fullyQualifiedName":"PSecurityLevel"},{"required":false,"placeholder":"","lines":0,"type":"textBox","name":"DocumentID","label":"Document Id","helpTexts":{"prefix":"","postfix":""},"spacing":{},"fullyQualifiedName":"DocumentID"},{"dataSource":"P - DocumentID","displayColumn":"documentID","hideIfNoUserInteractionRequired":true,"distinct":true,"required":false,"autoSelectFirstOption":true,"type":"dropDown","name":"DocumentIDInsertion","label":"Document Id Insertion","helpTexts":{"prefix":"","postfix":""},"spacing":{},"fullyQualifiedName":"DocumentIDInsertion"},{"required":false,"placeholder":"","lines":0,"defaultValue":"A","type":"textBox","name":"Prevision","label":"Document Revision Id.","helpTexts":{"prefix":"","postfix":""},"spacing":{},"fullyQualifiedName":"Prevision"},{"dataSource":"P - Revision","displayColumn":"pp_revision","hideIfNoUserInteractionRequired":true,"distinct":true,"required":false,"autoSelectFirstOption":true,"type":"dropDown","name":"RevisionInsertion","label":"RevisionInsertion","helpTexts":{"prefix":"","postfix":""},"spacing":{},"fullyQualifiedName":"RevisionInsertion"},{"required":true,"placeholder":"","lines":0,"defaultValue":"%Date:yyyy%","type":"textBox","name":"CopyrightInformation","label":"Copyright Year","helpTexts":{"prefix":"","postfix":"Year of first publication - Date format %Date:yyyy%  will be replaced by current year"},"spacing":{},"fullyQualifiedName":"CopyrightInformation"}],"formDataEntries":[{"name":"DocumentTitle","value":"n9RnZD6TnQ1ljd02NstvxA=="},{"name":"PPreparedBy","value":"1xLkK/GYjKo/3TZeAyhvVEInNMKolfIh0uc02gQ9zj4="},{"name":"Date","value":"F9WucqqfZ42a7WZE/gLWBg=="},{"name":"PSecurityLevel","value":"WSUdsIsC9MOFAyEadaIahA=="},{"name":"DocumentIDInsertion","value":"WSUdsIsC9MOFAyEadaIahA=="},{"name":"Prevision","value":"+mRM068GdQp/nQUX2BKr8A=="},{"name":"RevisionInsertion","value":"WSUdsIsC9MOFAyEadaIahA=="},{"name":"CopyrightInformation","value":"NDHZwVXLslGmH/hpTNir3w=="}]}]]></TemplafyFormConfiguration>
</file>

<file path=customXml/item4.xml><?xml version="1.0" encoding="utf-8"?>
<TemplafySlideTemplateConfiguration><![CDATA[{"slideVersion":0,"isValidatorEnabled":false,"isLocked":false,"elementsMetadata":[],"slideId":"637287745125731910","enableDocumentContentUpdater":true,"version":"1.11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0,"isValidatorEnabled":false,"isLocked":false,"elementsMetadata":[],"slideId":"637287745125731910","enableDocumentContentUpdater":true,"version":"1.11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0,"isValidatorEnabled":false,"isLocked":false,"elementsMetadata":[],"slideId":"637287745125731910","enableDocumentContentUpdater":true,"version":"1.11"}]]></TemplafySlideTemplateConfiguration>
</file>

<file path=customXml/itemProps1.xml><?xml version="1.0" encoding="utf-8"?>
<ds:datastoreItem xmlns:ds="http://schemas.openxmlformats.org/officeDocument/2006/customXml" ds:itemID="{10998197-94E3-4DD0-B714-D7C268E493CC}">
  <ds:schemaRefs/>
</ds:datastoreItem>
</file>

<file path=customXml/itemProps10.xml><?xml version="1.0" encoding="utf-8"?>
<ds:datastoreItem xmlns:ds="http://schemas.openxmlformats.org/officeDocument/2006/customXml" ds:itemID="{5B90F6CA-8FE9-477E-A3F5-23861044F17A}">
  <ds:schemaRefs/>
</ds:datastoreItem>
</file>

<file path=customXml/itemProps11.xml><?xml version="1.0" encoding="utf-8"?>
<ds:datastoreItem xmlns:ds="http://schemas.openxmlformats.org/officeDocument/2006/customXml" ds:itemID="{7ECE190B-8BC1-4A4E-BD00-503F92C55951}">
  <ds:schemaRefs/>
</ds:datastoreItem>
</file>

<file path=customXml/itemProps12.xml><?xml version="1.0" encoding="utf-8"?>
<ds:datastoreItem xmlns:ds="http://schemas.openxmlformats.org/officeDocument/2006/customXml" ds:itemID="{DBE6F138-6312-4AF5-8EAD-898D0DD04D6F}">
  <ds:schemaRefs/>
</ds:datastoreItem>
</file>

<file path=customXml/itemProps13.xml><?xml version="1.0" encoding="utf-8"?>
<ds:datastoreItem xmlns:ds="http://schemas.openxmlformats.org/officeDocument/2006/customXml" ds:itemID="{8A687498-D0FA-4DBD-9DD7-2B3252B66C2A}">
  <ds:schemaRefs/>
</ds:datastoreItem>
</file>

<file path=customXml/itemProps2.xml><?xml version="1.0" encoding="utf-8"?>
<ds:datastoreItem xmlns:ds="http://schemas.openxmlformats.org/officeDocument/2006/customXml" ds:itemID="{1F601B52-E543-4F04-AC3D-890A39608928}">
  <ds:schemaRefs/>
</ds:datastoreItem>
</file>

<file path=customXml/itemProps3.xml><?xml version="1.0" encoding="utf-8"?>
<ds:datastoreItem xmlns:ds="http://schemas.openxmlformats.org/officeDocument/2006/customXml" ds:itemID="{FD2CC049-3131-4144-8159-F7A6601EFCD5}">
  <ds:schemaRefs/>
</ds:datastoreItem>
</file>

<file path=customXml/itemProps4.xml><?xml version="1.0" encoding="utf-8"?>
<ds:datastoreItem xmlns:ds="http://schemas.openxmlformats.org/officeDocument/2006/customXml" ds:itemID="{B9903D1C-5087-4EDD-8549-317083414091}">
  <ds:schemaRefs/>
</ds:datastoreItem>
</file>

<file path=customXml/itemProps5.xml><?xml version="1.0" encoding="utf-8"?>
<ds:datastoreItem xmlns:ds="http://schemas.openxmlformats.org/officeDocument/2006/customXml" ds:itemID="{8ED90AE2-8486-4A1D-B727-457E6A471FEA}">
  <ds:schemaRefs/>
</ds:datastoreItem>
</file>

<file path=customXml/itemProps6.xml><?xml version="1.0" encoding="utf-8"?>
<ds:datastoreItem xmlns:ds="http://schemas.openxmlformats.org/officeDocument/2006/customXml" ds:itemID="{75707506-CA7F-4FCC-BF9F-001F5C515C34}">
  <ds:schemaRefs/>
</ds:datastoreItem>
</file>

<file path=customXml/itemProps7.xml><?xml version="1.0" encoding="utf-8"?>
<ds:datastoreItem xmlns:ds="http://schemas.openxmlformats.org/officeDocument/2006/customXml" ds:itemID="{C54158BF-E892-43B4-81EC-E4471F9268E8}">
  <ds:schemaRefs/>
</ds:datastoreItem>
</file>

<file path=customXml/itemProps8.xml><?xml version="1.0" encoding="utf-8"?>
<ds:datastoreItem xmlns:ds="http://schemas.openxmlformats.org/officeDocument/2006/customXml" ds:itemID="{A4D815F5-1AAF-4362-AA2A-9A51D0E9B50C}">
  <ds:schemaRefs/>
</ds:datastoreItem>
</file>

<file path=customXml/itemProps9.xml><?xml version="1.0" encoding="utf-8"?>
<ds:datastoreItem xmlns:ds="http://schemas.openxmlformats.org/officeDocument/2006/customXml" ds:itemID="{D8630E25-0C7D-43E2-9A88-A74492236C7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V Master Template_20200514</Template>
  <TotalTime>0</TotalTime>
  <Words>1066</Words>
  <Application>Microsoft Office PowerPoint</Application>
  <PresentationFormat>Widescreen</PresentationFormat>
  <Paragraphs>295</Paragraphs>
  <Slides>2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7</vt:i4>
      </vt:variant>
    </vt:vector>
  </HeadingPairs>
  <TitlesOfParts>
    <vt:vector size="30" baseType="lpstr">
      <vt:lpstr>Arial</vt:lpstr>
      <vt:lpstr>Wingdings 3</vt:lpstr>
      <vt:lpstr>Hitachi ABB PowerPoint Template</vt:lpstr>
      <vt:lpstr>PowerPoint Presentation</vt:lpstr>
      <vt:lpstr>Executive Summary</vt:lpstr>
      <vt:lpstr>HR Operations Country Monthly Review | HR Center</vt:lpstr>
      <vt:lpstr>Executive Summary</vt:lpstr>
      <vt:lpstr>HR Operations Country HR Center | Talent Acquisition</vt:lpstr>
      <vt:lpstr>HR Operations Country HR Center | Employee Lifecycle</vt:lpstr>
      <vt:lpstr>HR Operations Country HR Center | Payroll</vt:lpstr>
      <vt:lpstr>HR Operations Country HR Center | Compensation &amp; Benefits</vt:lpstr>
      <vt:lpstr>HR Operations Country HR Center | Learning &amp; Development</vt:lpstr>
      <vt:lpstr>HR Operations Country HR Center | Talent Management</vt:lpstr>
      <vt:lpstr>HR Operations Country HR Center | People Analytics</vt:lpstr>
      <vt:lpstr>HR Operations Country HR Center</vt:lpstr>
      <vt:lpstr>HR Operations Country Monthly Review | Front Office</vt:lpstr>
      <vt:lpstr>Executive Summary</vt:lpstr>
      <vt:lpstr>HR Operations Country Front Office | Talent Acquisition</vt:lpstr>
      <vt:lpstr>HR Operations Country Front Office | Employee Lifecycle</vt:lpstr>
      <vt:lpstr>HR Operations Country Front Office | Payroll</vt:lpstr>
      <vt:lpstr>HR Operations Country Front Office | Compensation &amp; Benefits</vt:lpstr>
      <vt:lpstr>HR Operations Country Front Office | Learning &amp; Development</vt:lpstr>
      <vt:lpstr>HR Operations Country Front Office | Talent Management</vt:lpstr>
      <vt:lpstr>HR Operations Country Front Office | People Analytics</vt:lpstr>
      <vt:lpstr>HR Operations Country Front Office | Tier 1</vt:lpstr>
      <vt:lpstr>HR Operations Country Front Office </vt:lpstr>
      <vt:lpstr>HR Operations Country Monthly Review | Continuous Improvement</vt:lpstr>
      <vt:lpstr>HR Operations Country | HR Center and FO</vt:lpstr>
      <vt:lpstr>HR Operations KPIs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 </dc:title>
  <dc:subject/>
  <dc:creator/>
  <cp:lastModifiedBy/>
  <cp:revision>1</cp:revision>
  <dcterms:created xsi:type="dcterms:W3CDTF">2020-06-23T10:42:45Z</dcterms:created>
  <dcterms:modified xsi:type="dcterms:W3CDTF">2021-06-16T13:20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6-26T13:21:52.3310375Z</vt:lpwstr>
  </property>
  <property fmtid="{D5CDD505-2E9C-101B-9397-08002B2CF9AE}" pid="3" name="TemplafyTenantId">
    <vt:lpwstr>powergrids</vt:lpwstr>
  </property>
  <property fmtid="{D5CDD505-2E9C-101B-9397-08002B2CF9AE}" pid="4" name="TemplafyTemplateId">
    <vt:lpwstr>637285981016761036</vt:lpwstr>
  </property>
  <property fmtid="{D5CDD505-2E9C-101B-9397-08002B2CF9AE}" pid="5" name="TemplafyUserProfileId">
    <vt:lpwstr>637292763431024313</vt:lpwstr>
  </property>
  <property fmtid="{D5CDD505-2E9C-101B-9397-08002B2CF9AE}" pid="6" name="TemplafyLanguageCode">
    <vt:lpwstr>en-US</vt:lpwstr>
  </property>
  <property fmtid="{D5CDD505-2E9C-101B-9397-08002B2CF9AE}" pid="7" name="SecurityLevel">
    <vt:lpwstr>Internal</vt:lpwstr>
  </property>
  <property fmtid="{D5CDD505-2E9C-101B-9397-08002B2CF9AE}" pid="8" name="CreatorName">
    <vt:lpwstr>Oleksandr Novosad</vt:lpwstr>
  </property>
  <property fmtid="{D5CDD505-2E9C-101B-9397-08002B2CF9AE}" pid="9" name="DocumentKind">
    <vt:lpwstr>Presentation</vt:lpwstr>
  </property>
  <property fmtid="{D5CDD505-2E9C-101B-9397-08002B2CF9AE}" pid="10" name="DocumentId">
    <vt:lpwstr/>
  </property>
  <property fmtid="{D5CDD505-2E9C-101B-9397-08002B2CF9AE}" pid="11" name="SupplementaryTitle">
    <vt:lpwstr/>
  </property>
  <property fmtid="{D5CDD505-2E9C-101B-9397-08002B2CF9AE}" pid="12" name="DocumentTitle">
    <vt:lpwstr> </vt:lpwstr>
  </property>
  <property fmtid="{D5CDD505-2E9C-101B-9397-08002B2CF9AE}" pid="13" name="CopyrightYear">
    <vt:lpwstr>2020</vt:lpwstr>
  </property>
  <property fmtid="{D5CDD505-2E9C-101B-9397-08002B2CF9AE}" pid="14" name="DocumentRevisionId">
    <vt:lpwstr>A</vt:lpwstr>
  </property>
  <property fmtid="{D5CDD505-2E9C-101B-9397-08002B2CF9AE}" pid="15" name="Date">
    <vt:lpwstr>2020-07-30</vt:lpwstr>
  </property>
  <property fmtid="{D5CDD505-2E9C-101B-9397-08002B2CF9AE}" pid="16" name="Eventanddate">
    <vt:lpwstr/>
  </property>
  <property fmtid="{D5CDD505-2E9C-101B-9397-08002B2CF9AE}" pid="17" name="PreparedByPerson">
    <vt:lpwstr>Oleksandr Novosad</vt:lpwstr>
  </property>
</Properties>
</file>